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tiff" ContentType="image/tiff"/>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C:\Users\s.karabanov\Desktop\Работа\Uniview\Информация на сайте\"/>
    </mc:Choice>
  </mc:AlternateContent>
  <bookViews>
    <workbookView xWindow="0" yWindow="0" windowWidth="28800" windowHeight="11100" tabRatio="716" activeTab="1"/>
  </bookViews>
  <sheets>
    <sheet name="Naming Rule 2021" sheetId="43" r:id="rId1"/>
    <sheet name="IPC Easy Prime Pro" sheetId="27" r:id="rId2"/>
    <sheet name="PTZ видеокамеры" sheetId="44" r:id="rId3"/>
    <sheet name="NVR Prime Pro" sheetId="22" r:id="rId4"/>
    <sheet name="Аксессуары" sheetId="49" r:id="rId5"/>
    <sheet name="Подбор аксессуаров" sheetId="50" r:id="rId6"/>
    <sheet name="Display&amp;Videowall" sheetId="45" r:id="rId7"/>
    <sheet name="Lens" sheetId="51" r:id="rId8"/>
    <sheet name="Подбор Lens" sheetId="48" r:id="rId9"/>
    <sheet name="IPC на подходе" sheetId="52" r:id="rId10"/>
    <sheet name="EOL  products" sheetId="47" r:id="rId11"/>
    <sheet name="FR Terminal" sheetId="42" r:id="rId12"/>
    <sheet name="Network Storage" sheetId="29" r:id="rId13"/>
    <sheet name="Accessory" sheetId="15" state="hidden" r:id="rId14"/>
    <sheet name="!PTZ Dome" sheetId="7" state="hidden" r:id="rId15"/>
  </sheets>
  <definedNames>
    <definedName name="_xlnm._FilterDatabase" localSheetId="6" hidden="1">'Display&amp;Videowall'!$A$2:$D$58</definedName>
    <definedName name="_xlnm._FilterDatabase" localSheetId="7" hidden="1">Lens!$A$2:$D$9</definedName>
    <definedName name="_xlnm._FilterDatabase" localSheetId="12" hidden="1">'Network Storage'!$A$2:$C$7</definedName>
    <definedName name="_xlnm._FilterDatabase" localSheetId="3" hidden="1">'NVR Prime Pro'!$A$1:$D$28</definedName>
    <definedName name="_xlnm._FilterDatabase" localSheetId="2" hidden="1">'PTZ видеокамеры'!$A$1:$D$28</definedName>
    <definedName name="_xlnm._FilterDatabase" localSheetId="4" hidden="1">Аксессуары!$A$6:$D$64</definedName>
    <definedName name="lal">#REF!</definedName>
    <definedName name="output" localSheetId="11">#REF!</definedName>
    <definedName name="output" localSheetId="7">#REF!</definedName>
    <definedName name="output" localSheetId="4">#REF!</definedName>
    <definedName name="output" localSheetId="8">#REF!</definedName>
    <definedName name="output" localSheetId="5">#REF!</definedName>
    <definedName name="output">#REF!</definedName>
  </definedNames>
  <calcPr calcId="152511"/>
</workbook>
</file>

<file path=xl/sharedStrings.xml><?xml version="1.0" encoding="utf-8"?>
<sst xmlns="http://schemas.openxmlformats.org/spreadsheetml/2006/main" count="6256" uniqueCount="2850">
  <si>
    <t/>
  </si>
  <si>
    <t>IPC742SR9-PZ30-32G</t>
  </si>
  <si>
    <t>IPC744SR5-PF40-32G</t>
  </si>
  <si>
    <t>IPC744SR5-PF60-32G</t>
  </si>
  <si>
    <t>NVR</t>
  </si>
  <si>
    <t>IPC3238ER3-DVZ</t>
  </si>
  <si>
    <t>IPC868ER-VF18-B</t>
  </si>
  <si>
    <t>IPC262ER9-X10DU</t>
  </si>
  <si>
    <t>IPC6222E-X33UP</t>
  </si>
  <si>
    <t>NVR516-64</t>
  </si>
  <si>
    <t>NVR516-128</t>
  </si>
  <si>
    <t>DEU1016</t>
  </si>
  <si>
    <t>DEU1008-IN</t>
  </si>
  <si>
    <t>PWR-300A-IN</t>
  </si>
  <si>
    <t>SL-A</t>
  </si>
  <si>
    <t>IMOS Server Adjustable Slide Rail</t>
  </si>
  <si>
    <t>RM-1U-380</t>
  </si>
  <si>
    <t>NVR Rack Mount 380</t>
  </si>
  <si>
    <t>RM-1U-260</t>
  </si>
  <si>
    <t>NVR Rack Mount 260</t>
  </si>
  <si>
    <t>PLATFORM</t>
  </si>
  <si>
    <t>Unicorn</t>
  </si>
  <si>
    <t>Model Name</t>
  </si>
  <si>
    <t>Appearance</t>
  </si>
  <si>
    <t>Description</t>
  </si>
  <si>
    <t>Features</t>
  </si>
  <si>
    <t>IPC640 5'' PTZ Dome Camera</t>
  </si>
  <si>
    <t>Standard series</t>
  </si>
  <si>
    <t>IPC641L-X22-IN</t>
  </si>
  <si>
    <t>1.3MP</t>
  </si>
  <si>
    <r>
      <rPr>
        <b/>
        <sz val="10"/>
        <color theme="0" tint="-0.249977111117893"/>
        <rFont val="Calibri"/>
        <family val="2"/>
      </rPr>
      <t>1/3" CMOS, ICR, 1280x960:30fps, H.264/MJPEG, Triple streams, AC24V, 3D DNR, -40~70</t>
    </r>
    <r>
      <rPr>
        <b/>
        <sz val="10"/>
        <color theme="0" tint="-0.249977111117893"/>
        <rFont val="宋体"/>
        <family val="3"/>
        <charset val="134"/>
      </rPr>
      <t>℃</t>
    </r>
    <r>
      <rPr>
        <b/>
        <sz val="10"/>
        <color theme="0" tint="-0.249977111117893"/>
        <rFont val="Calibri"/>
        <family val="2"/>
      </rPr>
      <t>, IP67, 22x optical zoom(4.7 ~ 103.4mm)</t>
    </r>
  </si>
  <si>
    <r>
      <rPr>
        <b/>
        <sz val="10"/>
        <color rgb="FFFF0000"/>
        <rFont val="宋体"/>
        <family val="3"/>
        <charset val="134"/>
      </rPr>
      <t>停产</t>
    </r>
    <r>
      <rPr>
        <b/>
        <sz val="10"/>
        <color rgb="FFFF0000"/>
        <rFont val="Calibri"/>
        <family val="2"/>
      </rPr>
      <t>!</t>
    </r>
    <r>
      <rPr>
        <b/>
        <sz val="10"/>
        <color rgb="FFFF0000"/>
        <rFont val="宋体"/>
        <family val="3"/>
        <charset val="134"/>
      </rPr>
      <t>替代型号为</t>
    </r>
    <r>
      <rPr>
        <b/>
        <sz val="10"/>
        <color rgb="FFFF0000"/>
        <rFont val="Calibri"/>
        <family val="2"/>
      </rPr>
      <t xml:space="preserve">                                              IPC641E-X20N                       0235C14V</t>
    </r>
  </si>
  <si>
    <t>IPC642L-X22-IN</t>
  </si>
  <si>
    <t>2MP</t>
  </si>
  <si>
    <r>
      <rPr>
        <b/>
        <sz val="10"/>
        <color theme="0" tint="-0.249977111117893"/>
        <rFont val="Calibri"/>
        <family val="2"/>
      </rPr>
      <t>1/2.8" CMOS, ICR, 1920x1080:30fps, H.264/MJPEG, Triple streams, AC24V,  3D DNR, -40~70</t>
    </r>
    <r>
      <rPr>
        <b/>
        <sz val="10"/>
        <color theme="0" tint="-0.249977111117893"/>
        <rFont val="宋体"/>
        <family val="3"/>
        <charset val="134"/>
      </rPr>
      <t>℃</t>
    </r>
    <r>
      <rPr>
        <b/>
        <sz val="10"/>
        <color theme="0" tint="-0.249977111117893"/>
        <rFont val="Calibri"/>
        <family val="2"/>
      </rPr>
      <t>, IP67, 22x optical zoom(4.7 ~ 103.4mm</t>
    </r>
    <r>
      <rPr>
        <sz val="10"/>
        <color theme="0" tint="-0.249977111117893"/>
        <rFont val="Calibri"/>
        <family val="2"/>
      </rPr>
      <t>)</t>
    </r>
  </si>
  <si>
    <r>
      <rPr>
        <b/>
        <sz val="10"/>
        <color rgb="FFFF0000"/>
        <rFont val="宋体"/>
        <family val="3"/>
        <charset val="134"/>
      </rPr>
      <t>停产</t>
    </r>
    <r>
      <rPr>
        <b/>
        <sz val="10"/>
        <color rgb="FFFF0000"/>
        <rFont val="Calibri"/>
        <family val="2"/>
      </rPr>
      <t>!</t>
    </r>
    <r>
      <rPr>
        <b/>
        <sz val="10"/>
        <color rgb="FFFF0000"/>
        <rFont val="宋体"/>
        <family val="3"/>
        <charset val="134"/>
      </rPr>
      <t>替代型号为</t>
    </r>
    <r>
      <rPr>
        <b/>
        <sz val="10"/>
        <color rgb="FFFF0000"/>
        <rFont val="Calibri"/>
        <family val="2"/>
      </rPr>
      <t xml:space="preserve">                                              IPC642E-X20N                       0235C14W</t>
    </r>
  </si>
  <si>
    <t>IPC641E-X22-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7, 22x optical zoom(4.7 ~ 103.4mm)</t>
    </r>
  </si>
  <si>
    <t>IPC642E-X22-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7, 22x optical zoom(4.7 ~ 103.4mm)</t>
    </r>
  </si>
  <si>
    <t>IPC641E-X22-NL-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7, 22x optical zoom(4.7 ~ 103.4mm),SFP slot+RJ45</t>
    </r>
  </si>
  <si>
    <t>IPC642E-X22-NL-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7, 22x optical zoom(4.7 ~ 103.4mm),SFP slot+RJ45</t>
    </r>
  </si>
  <si>
    <t>All-weather series</t>
  </si>
  <si>
    <t>IPC641E-X22A-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6, 22x optical zoom(4.7 ~ 103.4mm),  All-weather(self-clean)</t>
    </r>
  </si>
  <si>
    <t>IPC642E-X22A-IN</t>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IP66, 22x optical zoom(4.7 ~ 103.4mm),  All-weather(self-clean)</t>
    </r>
  </si>
  <si>
    <t>IPC641E-X22A-NL-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IP66, 22x optical zoom(4.7 ~ 103.4mm),SFP slot+RJ45, All-weather(self-clean)</t>
    </r>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IP66, 22x optical zoom(4.7 ~ 103.4mm),SFP slot+RJ45, All-weather(self-clean)</t>
    </r>
  </si>
  <si>
    <t>IPC641L-X22IR-IN</t>
  </si>
  <si>
    <r>
      <rPr>
        <b/>
        <sz val="10"/>
        <color theme="0" tint="-0.249977111117893"/>
        <rFont val="Calibri"/>
        <family val="2"/>
      </rPr>
      <t>1/3" CMOS, ICR, 1280x960:30fps, H.264/MJPEG, Triple streams, AC24V, 3D DNR, -40~70</t>
    </r>
    <r>
      <rPr>
        <b/>
        <sz val="10"/>
        <color theme="0" tint="-0.249977111117893"/>
        <rFont val="宋体"/>
        <family val="3"/>
        <charset val="134"/>
      </rPr>
      <t>℃</t>
    </r>
    <r>
      <rPr>
        <b/>
        <sz val="10"/>
        <color theme="0" tint="-0.249977111117893"/>
        <rFont val="Calibri"/>
        <family val="2"/>
      </rPr>
      <t>, IP66, 22x optical zoom(4.7 ~ 103.4mm), IR range: up to 120m</t>
    </r>
  </si>
  <si>
    <r>
      <rPr>
        <b/>
        <sz val="10"/>
        <color rgb="FFFF0000"/>
        <rFont val="宋体"/>
        <family val="3"/>
        <charset val="134"/>
      </rPr>
      <t>停产</t>
    </r>
    <r>
      <rPr>
        <b/>
        <sz val="10"/>
        <color rgb="FFFF0000"/>
        <rFont val="Calibri"/>
        <family val="2"/>
      </rPr>
      <t>!</t>
    </r>
    <r>
      <rPr>
        <b/>
        <sz val="10"/>
        <color rgb="FFFF0000"/>
        <rFont val="宋体"/>
        <family val="3"/>
        <charset val="134"/>
      </rPr>
      <t>替代型号为</t>
    </r>
    <r>
      <rPr>
        <b/>
        <sz val="10"/>
        <color rgb="FFFF0000"/>
        <rFont val="Calibri"/>
        <family val="2"/>
      </rPr>
      <t xml:space="preserve">                                              IPC641ER-X20N                       0235C14X</t>
    </r>
  </si>
  <si>
    <t>IPC642L-X22IR-IN</t>
  </si>
  <si>
    <r>
      <rPr>
        <b/>
        <sz val="10"/>
        <color theme="0" tint="-0.249977111117893"/>
        <rFont val="Calibri"/>
        <family val="2"/>
      </rPr>
      <t>1/2.8" CMOS, ICR, 1920x1080:30fps, H.264/MJPEG, Triple streams, AC24V,  3D DNR, -40~70</t>
    </r>
    <r>
      <rPr>
        <b/>
        <sz val="10"/>
        <color theme="0" tint="-0.249977111117893"/>
        <rFont val="宋体"/>
        <family val="3"/>
        <charset val="134"/>
      </rPr>
      <t>℃</t>
    </r>
    <r>
      <rPr>
        <b/>
        <sz val="10"/>
        <color theme="0" tint="-0.249977111117893"/>
        <rFont val="Calibri"/>
        <family val="2"/>
      </rPr>
      <t>, IP66, 22x optical zoom(4.7 ~ 103.4mm),  IR range: up to 120m</t>
    </r>
  </si>
  <si>
    <r>
      <rPr>
        <b/>
        <sz val="10"/>
        <color rgb="FFFF0000"/>
        <rFont val="宋体"/>
        <family val="3"/>
        <charset val="134"/>
      </rPr>
      <t>停产</t>
    </r>
    <r>
      <rPr>
        <b/>
        <sz val="10"/>
        <color rgb="FFFF0000"/>
        <rFont val="Calibri"/>
        <family val="2"/>
      </rPr>
      <t>!</t>
    </r>
    <r>
      <rPr>
        <b/>
        <sz val="10"/>
        <color rgb="FFFF0000"/>
        <rFont val="宋体"/>
        <family val="3"/>
        <charset val="134"/>
      </rPr>
      <t>替代型号为</t>
    </r>
    <r>
      <rPr>
        <b/>
        <sz val="10"/>
        <color rgb="FFFF0000"/>
        <rFont val="Calibri"/>
        <family val="2"/>
      </rPr>
      <t xml:space="preserve">                                              IPC642ER-X20N                       0235C14Y</t>
    </r>
  </si>
  <si>
    <t>IPC641E-X22IR-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IP66, 22x optical zoom(4.7 ~ 103.4mm),  All-weather(self-clean), IR range: up to 150m</t>
    </r>
  </si>
  <si>
    <t>IPC642E-X22IR-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6, 22x optical zoom(4.7 ~ 103.4mm),  All-weather(self-clean), IR range: up to 150m</t>
    </r>
  </si>
  <si>
    <t>IPC641E-X22IR-NL-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6, 22x optical zoom(4.7 ~ 103.4mm), SFP slot+RJ45, All-weather(self-clean), IR range: up to 150m</t>
    </r>
  </si>
  <si>
    <t>IPC642E-X22IR-NL-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6, 22x optical zoom(4.7 ~ 103.4mm),  SFP slot+RJ45, All-weather(self-clean), IR range: up to 150m</t>
    </r>
  </si>
  <si>
    <t>IPC641E-X22IR-IANL-IN</t>
  </si>
  <si>
    <r>
      <rPr>
        <b/>
        <sz val="10"/>
        <rFont val="Calibri"/>
        <family val="2"/>
      </rPr>
      <t>1/2.8" CMOS, ICR, 1280x960:30fps, H.264/MJPEG, Triple streams, AC24V,  3D DNR, SD card slot, Alarm in/out 2/1, Audio, BNC output, -40~70</t>
    </r>
    <r>
      <rPr>
        <b/>
        <sz val="10"/>
        <rFont val="宋体"/>
        <family val="3"/>
        <charset val="134"/>
      </rPr>
      <t>℃</t>
    </r>
    <r>
      <rPr>
        <b/>
        <sz val="10"/>
        <rFont val="Calibri"/>
        <family val="2"/>
      </rPr>
      <t xml:space="preserve">, IP66, 22x optical zoom(4.7 ~ 103.4mm),  SFP slot+RJ45, All-weather(self-clean), IR range: up to 150m, </t>
    </r>
    <r>
      <rPr>
        <b/>
        <sz val="10"/>
        <color rgb="FFFF0000"/>
        <rFont val="Calibri"/>
        <family val="2"/>
      </rPr>
      <t>Intelligent Analysis: Region Intrusion, line crossing, PTZ auto-tracking</t>
    </r>
  </si>
  <si>
    <t>IPC642E-X22IR-IANL-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xml:space="preserve">, IP66, 22x optical zoom(4.7 ~ 103.4mm),  SFP slot+RJ45, All-weather(self-clean), IR range: up to 150m, </t>
    </r>
    <r>
      <rPr>
        <b/>
        <sz val="10"/>
        <color rgb="FFFF0000"/>
        <rFont val="Calibri"/>
        <family val="2"/>
      </rPr>
      <t>Intelligent Analysis: Intrusion detection, line crossing detection, PTZ auto-tracking</t>
    </r>
  </si>
  <si>
    <t>IPC641E-X22IRL-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6, 22x optical zoom(4.7 ~ 103.4mm),  All-weather(self-clean), IR range: up to 250m</t>
    </r>
  </si>
  <si>
    <t>IPC642E-X22IRL-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6, 22x optical zoom(4.7 ~ 103.4mm),  All-weather(self-clean), IR range: up to 250m</t>
    </r>
  </si>
  <si>
    <t>IPC641E-X22IRL-NL-IN</t>
  </si>
  <si>
    <r>
      <rPr>
        <b/>
        <sz val="10"/>
        <rFont val="Calibri"/>
        <family val="2"/>
      </rPr>
      <t>1/3" CMOS, ICR, 1280x960:30fps, H.264/MJPEG, Triple streams, AC24V, 3D DNR, SD card slot, Alarm in/out 2/1, Audio, BNC output, -40~70</t>
    </r>
    <r>
      <rPr>
        <b/>
        <sz val="10"/>
        <rFont val="宋体"/>
        <family val="3"/>
        <charset val="134"/>
      </rPr>
      <t>℃</t>
    </r>
    <r>
      <rPr>
        <b/>
        <sz val="10"/>
        <rFont val="Calibri"/>
        <family val="2"/>
      </rPr>
      <t>, IP66, 22x optical zoom(4.7 ~ 103.4mm),SFP slot+RJ45, All-weather(self-clean), IR range: up to 250m</t>
    </r>
  </si>
  <si>
    <t>IPC642E-X22IRL-NL-IN</t>
  </si>
  <si>
    <r>
      <rPr>
        <b/>
        <sz val="10"/>
        <rFont val="Calibri"/>
        <family val="2"/>
      </rPr>
      <t>1/2.8" CMOS, ICR, 1920x1080:30fps, H.264/MJPEG, Triple streams, AC24V,  3D DNR, SD card slot, Alarm in/out 2/1, Audio, BNC output, -40~70</t>
    </r>
    <r>
      <rPr>
        <b/>
        <sz val="10"/>
        <rFont val="宋体"/>
        <family val="3"/>
        <charset val="134"/>
      </rPr>
      <t>℃</t>
    </r>
    <r>
      <rPr>
        <b/>
        <sz val="10"/>
        <rFont val="Calibri"/>
        <family val="2"/>
      </rPr>
      <t>, IP66, 22x optical zoom(4.7 ~ 103.4mm),SFP slot+RJ45, All-weather(self-clean), IR range: up to 250m</t>
    </r>
  </si>
  <si>
    <t>Indoor  series</t>
  </si>
  <si>
    <t>IPC641E-X22I-IN</t>
  </si>
  <si>
    <r>
      <rPr>
        <b/>
        <sz val="10"/>
        <rFont val="Calibri"/>
        <family val="2"/>
      </rPr>
      <t>1/3" CMOS, ICR, 1280x960:30fps, H.264/MJPEG, Triple streams, AC24V, 3D DNR, SD card slot, Alarm in/out 2/1, Audio, BNC output, -40~70</t>
    </r>
    <r>
      <rPr>
        <b/>
        <sz val="10"/>
        <rFont val="Arial"/>
        <family val="2"/>
      </rPr>
      <t>℃</t>
    </r>
    <r>
      <rPr>
        <b/>
        <sz val="10"/>
        <rFont val="Calibri"/>
        <family val="2"/>
      </rPr>
      <t>, 22x optical zoom(4.7 ~ 103.4mm), PoE(IEEE802.3at)</t>
    </r>
  </si>
  <si>
    <t>IPC642E-X22I-IN</t>
  </si>
  <si>
    <r>
      <rPr>
        <b/>
        <sz val="10"/>
        <rFont val="Calibri"/>
        <family val="2"/>
      </rPr>
      <t>1/2.8" CMOS, ICR, 1920x1080:30fps, H.264/MJPEG, Triple streams, AC24V,  3D DNR, SD card slot, Alarm in/out 2/1, Audio, BNC output, -40~70</t>
    </r>
    <r>
      <rPr>
        <b/>
        <sz val="10"/>
        <rFont val="Arial"/>
        <family val="2"/>
      </rPr>
      <t>℃</t>
    </r>
    <r>
      <rPr>
        <b/>
        <sz val="10"/>
        <rFont val="Calibri"/>
        <family val="2"/>
      </rPr>
      <t>, 22x optical zoom(4.7 ~ 103.4mm), PoE(IEEE802.3at)</t>
    </r>
  </si>
  <si>
    <t>Model</t>
    <phoneticPr fontId="6" type="noConversion"/>
  </si>
  <si>
    <t>Describtion</t>
    <phoneticPr fontId="6" type="noConversion"/>
  </si>
  <si>
    <t>MSRP RUB</t>
  </si>
  <si>
    <t>Статус</t>
  </si>
  <si>
    <t>FOB USD</t>
  </si>
  <si>
    <t>Комментарий</t>
  </si>
  <si>
    <t>по запросу</t>
  </si>
  <si>
    <t>IP SAN</t>
  </si>
  <si>
    <t>• 24 SATA HDDs，up to 8TB for each HDD
• 2×48Gbps Mini SAS HD ports
• Support iSCSI
• Support JBOD and RAID 0,1,10, 5, 50,6</t>
  </si>
  <si>
    <t>• 16 SATA HDDs，up to 8TB for each HDD
• 2×48Gbps Mini SAS HD ports
• Support iSCSI
• Support JBOD and RAID 0,1,10, 5, 50,6</t>
  </si>
  <si>
    <t>• 48 SATA HDDs，up to 8TB for each HDD
• 5×48Gbps Mini SAS HD ports
• Support iSCSI
• Support JBOD and RAID 0,1,10, 5, 50,6</t>
  </si>
  <si>
    <t>VX3000-E</t>
  </si>
  <si>
    <t>Disk Enclosure</t>
  </si>
  <si>
    <t>DE1816</t>
  </si>
  <si>
    <t>• 16 SATA HDDs，up to 8TB for each HDD
• 2×48Gbps Mini SAS HD ports</t>
  </si>
  <si>
    <t>• 24 SATA HDDs，up to 8TB for each HDD
• 3×48Gbps Mini SAS HD ports</t>
  </si>
  <si>
    <t>DE1824</t>
  </si>
  <si>
    <t>DE1848</t>
  </si>
  <si>
    <t>• 48 SATA HDDs，up to 8TB for each HDD
• 6×48Gbps Mini SAS HD ports</t>
  </si>
  <si>
    <t>DE3124-E</t>
  </si>
  <si>
    <t>Disk Enclosure
Controller 2
Management Interface 2Serial port
Back-end Expansion Interface 6-port 4*12 Gbps Mini SAS HD
HDD 24 SATA/SAS/NL SAS Interfaces
Disk Capacity 1 TB, 2 TB, 3 TB, 4 TB , 5 TB, 6 TB,8TB
Dimension (W x D x H) 482.0 × 589.0 × 175.0 mm (19.0” × 23.2” × 6.9”)
Note：for standard cabinet with 800mm depth or above
Power Consumption 430W (fully loaded)
Power Supply 100V – 127V/200V – 240V AC；60Hz/50Hz
Weight Fully loaded：&lt; 42 kg
Authentication certificate CE, FCC, TUV, UL, CCC
Operating temperature 5°C ~ 40°C / 41°F ~ 104°F
Recommended temperature 10 °C~ 35 °C / 50°F ~ 95°F
Humidity 20%~80% RH (non-condensing)</t>
  </si>
  <si>
    <t>IP видеокамеры</t>
  </si>
  <si>
    <t>Уличные  цилиндрические видеокамеры с фиксированным объективом</t>
  </si>
  <si>
    <t>-</t>
  </si>
  <si>
    <t xml:space="preserve"> </t>
  </si>
  <si>
    <t>Купольные  видеокамеры с фиксированным объективом</t>
  </si>
  <si>
    <t>Уличные  цилиндрические видеокамеры с вариофокальным объективом</t>
  </si>
  <si>
    <t>Купольные видеокамеры с вариофокальным объективом</t>
  </si>
  <si>
    <t>Скоростные PTZ  видеокамеры</t>
  </si>
  <si>
    <t>Type</t>
  </si>
  <si>
    <t>Уличные цилиндрические PTZ видеокамеры с вариофокальным объективом на моторизованном поворотном кронштейне</t>
  </si>
  <si>
    <t>IP видеорегистраторы</t>
  </si>
  <si>
    <t>Фото</t>
  </si>
  <si>
    <t>VMS-B800-A</t>
  </si>
  <si>
    <t>Панорамные IP видеокамеры</t>
  </si>
  <si>
    <t>РРЦ Руб. (MSRP RUB)</t>
  </si>
  <si>
    <t>Ultra 265</t>
  </si>
  <si>
    <t>X</t>
  </si>
  <si>
    <t>√</t>
  </si>
  <si>
    <t>2/1</t>
  </si>
  <si>
    <t>22X</t>
  </si>
  <si>
    <t>N/A</t>
  </si>
  <si>
    <t>8MP</t>
  </si>
  <si>
    <t>1/1</t>
  </si>
  <si>
    <t>1.8mm, Fixed</t>
  </si>
  <si>
    <t>NA</t>
  </si>
  <si>
    <t xml:space="preserve"> IP66 &amp; IK10, Mic &amp; Speaker</t>
  </si>
  <si>
    <t>33X</t>
  </si>
  <si>
    <t>38X</t>
  </si>
  <si>
    <t>4MP</t>
  </si>
  <si>
    <t>384Mbps</t>
  </si>
  <si>
    <t>24/8</t>
  </si>
  <si>
    <t>3U</t>
  </si>
  <si>
    <t>512Mbps</t>
  </si>
  <si>
    <t>3U 16 HDDs Mini SAS Disk Enclosure</t>
  </si>
  <si>
    <t>2U 8 HDDs Mini SAS Disk Enclosure</t>
  </si>
  <si>
    <t>2U</t>
  </si>
  <si>
    <t>Redundant Power Supply</t>
  </si>
  <si>
    <t>1U</t>
  </si>
  <si>
    <t>NVR304-16S</t>
  </si>
  <si>
    <t>IPC8542ER5-DUG</t>
  </si>
  <si>
    <t>IPC323LR3-VSPF28-F</t>
  </si>
  <si>
    <t>IPC323LR3-VSPF40-F</t>
  </si>
  <si>
    <t>IPC3613LR3-PF28-F</t>
  </si>
  <si>
    <t>IPC3613LR3-PF40-F</t>
  </si>
  <si>
    <t>VMS-B180-A</t>
  </si>
  <si>
    <t>IPC6858SR-X38UP-VC</t>
  </si>
  <si>
    <t>Utral 265</t>
  </si>
  <si>
    <t>IPC6854SR-X38UP-VC</t>
  </si>
  <si>
    <t>IPC7622ER-X44U</t>
  </si>
  <si>
    <t>2000-dev, 10000-ch, Unified management of NVR, IPC, encoder, decoder, network keyboard, cloud devices, alarm control panel and door access control.</t>
  </si>
  <si>
    <t>IPC354SR3-ADNPF28-F</t>
  </si>
  <si>
    <t>VX3000-V2 Series
Unified Network Storage
• Dual/Single Controller
• 24/48/60 SATA HDDs，up to 14TB for each HDD
• 4×48/2×48Gbps Mini SAS HD ports
• Support iSCSI
• Support JBOD and RAID 0,1,10, 5, 50,6</t>
  </si>
  <si>
    <t>VX1624-C</t>
  </si>
  <si>
    <t>VX1616-C</t>
  </si>
  <si>
    <t>VX1824-V2</t>
  </si>
  <si>
    <t>VX1848-V2</t>
  </si>
  <si>
    <t>Model</t>
  </si>
  <si>
    <t>Brief Description</t>
  </si>
  <si>
    <t>Controller</t>
  </si>
  <si>
    <t>Performance</t>
  </si>
  <si>
    <t>HDD</t>
  </si>
  <si>
    <t>Notes</t>
    <phoneticPr fontId="27" type="noConversion"/>
  </si>
  <si>
    <t>Storage Host</t>
    <phoneticPr fontId="27" type="noConversion"/>
  </si>
  <si>
    <t>NI-VX1616-C</t>
    <phoneticPr fontId="27" type="noConversion"/>
  </si>
  <si>
    <t>UNV NI-VX1616-C,Network Storage Host,64bit CPU,3GE Ports,Single Power Module,Control Software,Support 16 HDD</t>
    <phoneticPr fontId="27" type="noConversion"/>
  </si>
  <si>
    <t>Single</t>
  </si>
  <si>
    <t>Max 320ch/600Mbps</t>
    <phoneticPr fontId="27" type="noConversion"/>
  </si>
  <si>
    <t>NI-VX1624-C</t>
    <phoneticPr fontId="27" type="noConversion"/>
  </si>
  <si>
    <t>UNV NI-VX1624-C,Network Storage Host,64bit CPU,3GE Ports,Single Power Module,Control Software,Support 24 HDD</t>
    <phoneticPr fontId="27" type="noConversion"/>
  </si>
  <si>
    <t>Max 320ch/601Mbps</t>
  </si>
  <si>
    <t>UNV NI-VX1824,Network Storage Host,64bit CPU,5GE Ports,Single Power Module,Control Software,Support 24 HDD,Surpport DEU Expand</t>
    <phoneticPr fontId="27" type="noConversion"/>
  </si>
  <si>
    <t>Max 512ch/1024Mbps</t>
  </si>
  <si>
    <t>VX1848-V2</t>
    <phoneticPr fontId="27" type="noConversion"/>
  </si>
  <si>
    <t>UNV NI-VX1848,Network Storage,64 Bit CPU,5GE Ports,5 HD MiniSAS Interface(SAS3.0),Single Power Module,Control Software,Support 48 HDD,Support DEU Expand</t>
    <phoneticPr fontId="27" type="noConversion"/>
  </si>
  <si>
    <t>VX3024-V2</t>
    <phoneticPr fontId="27" type="noConversion"/>
  </si>
  <si>
    <t>UNV VX3024-V2,Network Storage,64bit CPU,10GE Ports,Including 4 HD MiniSAS HD Interface Management Software,Support 24  HDD,Support DEU Expand</t>
    <phoneticPr fontId="27" type="noConversion"/>
  </si>
  <si>
    <t>Dual</t>
    <phoneticPr fontId="27" type="noConversion"/>
  </si>
  <si>
    <t>VX3048-V2</t>
    <phoneticPr fontId="27" type="noConversion"/>
  </si>
  <si>
    <t>UNV VX3048-V2,Network Storage,64bit CPU,10GE Ports,Including 4 MiniSAS HD Interface Management Software,Support 48  HDD,Support DEU Expand</t>
    <phoneticPr fontId="27" type="noConversion"/>
  </si>
  <si>
    <t>VX3060-V2@S</t>
    <phoneticPr fontId="27" type="noConversion"/>
  </si>
  <si>
    <t>UNV VX3060-V2@S,Network Storage,64bit CPU,5GE Ports,Including 2 MiniSAS HD Interface Management Software,Support 60 HDD,Support DEU Expand</t>
    <phoneticPr fontId="27" type="noConversion"/>
  </si>
  <si>
    <t>VX3060-V2</t>
    <phoneticPr fontId="27" type="noConversion"/>
  </si>
  <si>
    <t>UNV VX3060-V2,Network Storage,64bit CPU,10GE Ports,Including 4 HD MiniSAS HD Interface Management Software,Support 60 HDD,Support DEU Expand</t>
    <phoneticPr fontId="27" type="noConversion"/>
  </si>
  <si>
    <t>Expand Enclosure</t>
  </si>
  <si>
    <t>DE1824-V2</t>
    <phoneticPr fontId="27" type="noConversion"/>
  </si>
  <si>
    <t>UNV DE1824-V2,12G SAS,Network Storage Expand Enclosure,Max 24 Disks</t>
    <phoneticPr fontId="27" type="noConversion"/>
  </si>
  <si>
    <t>DE1848-V2</t>
    <phoneticPr fontId="27" type="noConversion"/>
  </si>
  <si>
    <t>UNV DE1848-V2,12G SAS Disk Enclosure,Max 48 Disks</t>
    <phoneticPr fontId="27" type="noConversion"/>
  </si>
  <si>
    <t>DE3124-V2</t>
    <phoneticPr fontId="27" type="noConversion"/>
  </si>
  <si>
    <t>UNV DE3124-V2,12G SAS Disk Enclosure,Max 24 Disks</t>
    <phoneticPr fontId="27" type="noConversion"/>
  </si>
  <si>
    <t>DE3148-V2</t>
    <phoneticPr fontId="27" type="noConversion"/>
  </si>
  <si>
    <t>UNV DE3148-V2,12G SAS Disk Enclosure,Max 48 Disks</t>
    <phoneticPr fontId="27" type="noConversion"/>
  </si>
  <si>
    <t>DE3160-V2@S</t>
    <phoneticPr fontId="27" type="noConversion"/>
  </si>
  <si>
    <t>UNV DE3160-V2@S,12G SAS Disk Enclosure,Max 60 Disks</t>
    <phoneticPr fontId="27" type="noConversion"/>
  </si>
  <si>
    <t>DE3160-V2</t>
    <phoneticPr fontId="27" type="noConversion"/>
  </si>
  <si>
    <t>UNV DE3160-V2,12G SAS Disk Enclosure,Max60 Disks</t>
    <phoneticPr fontId="27" type="noConversion"/>
  </si>
  <si>
    <t>Accessories</t>
  </si>
  <si>
    <t>FB-IN4GA-NB</t>
    <phoneticPr fontId="27" type="noConversion"/>
  </si>
  <si>
    <t>4 Port Gigabit Ethernet Interface Module</t>
    <phoneticPr fontId="27" type="noConversion"/>
  </si>
  <si>
    <t>NI-BCBB-NB</t>
  </si>
  <si>
    <t>Battery Module</t>
    <phoneticPr fontId="27" type="noConversion"/>
  </si>
  <si>
    <t>N/A</t>
    <phoneticPr fontId="27" type="noConversion"/>
  </si>
  <si>
    <t>Used for VX16-C Series</t>
    <phoneticPr fontId="27" type="noConversion"/>
  </si>
  <si>
    <t>PWR-AC300W-NB</t>
  </si>
  <si>
    <t>300W Power Module of Network Storage</t>
    <phoneticPr fontId="27" type="noConversion"/>
  </si>
  <si>
    <t>BAT-LA5800-NB</t>
  </si>
  <si>
    <t>Used for VX18/VX30 Series</t>
    <phoneticPr fontId="27" type="noConversion"/>
  </si>
  <si>
    <t>NI0M1DPS700</t>
  </si>
  <si>
    <t>700W Power Module of Network Storage</t>
    <phoneticPr fontId="27" type="noConversion"/>
  </si>
  <si>
    <t>Hard Disk</t>
  </si>
  <si>
    <t>NI-HD4000E-A-S-TB</t>
  </si>
  <si>
    <t>UNV 16/24 Disk Slots Single Control Storage, Enterprise SATA Hard Disk(Toshiba 4TB)</t>
    <phoneticPr fontId="27" type="noConversion"/>
  </si>
  <si>
    <t>Used for VX16-C Series / VX1824-V2</t>
    <phoneticPr fontId="27" type="noConversion"/>
  </si>
  <si>
    <t>NI-HD6000E-A-S-TB</t>
  </si>
  <si>
    <t>UNV 16/24 Disk Slots Single Control Storage, Enterprise SATA Hard Disk(Toshiba 6TB)</t>
    <phoneticPr fontId="27" type="noConversion"/>
  </si>
  <si>
    <t>NI-HD8000E-A-S-TB</t>
  </si>
  <si>
    <t>UNV 16/24 Disk Slots Single Control Storage, Enterprise SATA Hard Disk(Toshiba 8TB)</t>
    <phoneticPr fontId="27" type="noConversion"/>
  </si>
  <si>
    <t>NI-HD4000E-A-S-ST</t>
  </si>
  <si>
    <t>UNV 12/16/24/36 Disk Slots Single Control Storage, Enterprise SATA Hard Disk(Seagate 4TB)</t>
  </si>
  <si>
    <t>NI-HD4000V-A-S-ST</t>
  </si>
  <si>
    <t>UNV 12/16/24/36 Disk Slots Single Control Storage, Surveillance SATA Hard Disk(Seagate 4TB)</t>
  </si>
  <si>
    <t>NI-HD6000E-A-S-ST</t>
  </si>
  <si>
    <t>UNV 12/16/24/36 Disk Slots Single Control Storage, Enterprise SATA Hard Disk(Seagate 6TB)</t>
    <phoneticPr fontId="27" type="noConversion"/>
  </si>
  <si>
    <t>NI-HD6000V-A-S-ST</t>
  </si>
  <si>
    <t>UNV 12/16/24/36 Disk Slots Single Control Storage, Surveillance SATA Hard Disk(Seagate 6TB)</t>
  </si>
  <si>
    <t>NI-HD8000E-A-S-ST</t>
  </si>
  <si>
    <t>UNV 12/16/24/36 Disk Slots Single Control Storage, Enterprise SATA Hard Disk(Seagate 8TB)</t>
  </si>
  <si>
    <t>NI-HD8000V-A-S-ST</t>
  </si>
  <si>
    <t>UNV 12/16/24/36 Disk Slots Single Control Storage, Surveillance SATA Hard Disk(Seagate 8TB)</t>
  </si>
  <si>
    <t>NI-HD6000E-A-S-WD</t>
  </si>
  <si>
    <t>UNV 12/16/24/36 Disk Slots Single Control Storage, Enterprise SATA Hard Disk(WD 6TB)</t>
  </si>
  <si>
    <t>NI-HD6000V-A-S-WD</t>
  </si>
  <si>
    <t>UNV 12/16/24/36 Disk Slots Single Control Storage, Surveillance SATA Hard Disk(WD 6TB)</t>
  </si>
  <si>
    <t>NI-HD8000E-A-S-WD</t>
  </si>
  <si>
    <t>UNV 12/16/24/36 Disk Slots Single Control Storage, Enterprise SATA Hard Disk(WD 8TB)</t>
  </si>
  <si>
    <t>NI-HD8000V-A-S-WD</t>
  </si>
  <si>
    <t>UNV 12/16/24/36 Disk Slots Single Control Storage, Surveillance SATA Hard Disk(WD 8TB)</t>
  </si>
  <si>
    <t>NI-HD4000E-A-S-ST-01</t>
  </si>
  <si>
    <t>UNV 48 Disk Slots Single Control Storage, Enterprise SATA Hard Disk(Seagate 4TB*2)</t>
  </si>
  <si>
    <t>Used for VX1848-V2</t>
    <phoneticPr fontId="27" type="noConversion"/>
  </si>
  <si>
    <t>NI-HD4000V-A-S-ST-01</t>
  </si>
  <si>
    <t>UNV 48 Disk Slots Single Control Storage, Surveillance SATA Hard Disk(Seagate 4TB*2)</t>
  </si>
  <si>
    <t>NI-HD6000E-A-S-ST-01</t>
  </si>
  <si>
    <t>UNV 48 Disk Slots Single Control Storage, Enterprise SATA Hard Disk(Seagate 6TB*2)</t>
  </si>
  <si>
    <t>NI-HD6000V-A-S-ST-01</t>
  </si>
  <si>
    <t>UNV 48 Disk Slots Single Control Storage, Surveillance SATA Hard Disk(Seagate 6TB*2)</t>
  </si>
  <si>
    <t>NI-HD8000E-A-S-ST-01</t>
  </si>
  <si>
    <t>UNV 48 Disk Slots Single Control Storage, Enterprise SATA Hard Disk(Seagate 8TB*2)</t>
  </si>
  <si>
    <t>NI-HD8000V-A-S-ST-01</t>
  </si>
  <si>
    <t>UNV 48 Disk Slots Single Control Storage, Surveillance SATA Hard Disk(Seagate 8TB*2)</t>
    <phoneticPr fontId="27" type="noConversion"/>
  </si>
  <si>
    <t>ND-HD6000E-A-S-WD</t>
  </si>
  <si>
    <t>UNV 48 Disk Slots Single Control Storage, Enterprise SATA Hard Disk(WD  6TB*2)</t>
    <phoneticPr fontId="27" type="noConversion"/>
  </si>
  <si>
    <t>ND-HD6000V-A-S-WD</t>
  </si>
  <si>
    <t>UNV 48 Disk Slots Single Control Storage, Surveillance SATA Hard Disk(WD 6TB*2)</t>
    <phoneticPr fontId="27" type="noConversion"/>
  </si>
  <si>
    <t>ND-HD8000E-A-S-WD</t>
  </si>
  <si>
    <t>UNV 48 Disk Slots Single Control Storage, Enterprise SATA Hard Disk(WD 8TB*2)</t>
    <phoneticPr fontId="27" type="noConversion"/>
  </si>
  <si>
    <t>ND-HD8000V-A-S-WD</t>
  </si>
  <si>
    <t>UNV 48 Disk Slots Single Control Storage, Surveillance SATA Hard Disk(WD 8TB*2)</t>
    <phoneticPr fontId="27" type="noConversion"/>
  </si>
  <si>
    <t>NI-HD4000E-A-D-ST</t>
  </si>
  <si>
    <t>UNV 24 Disk Slots Dual Control Storage, Enterprise SATA Hard Disk(Seagate 4TB)</t>
    <phoneticPr fontId="27" type="noConversion"/>
  </si>
  <si>
    <t>Used for VX3024-V2</t>
    <phoneticPr fontId="27" type="noConversion"/>
  </si>
  <si>
    <t>NI-HD4000V-A-D-ST</t>
  </si>
  <si>
    <t>UNV 24 Disk Slots Dual Control Storage, Surveillance SATA Hard Disk(Seagate 4TB)</t>
    <phoneticPr fontId="27" type="noConversion"/>
  </si>
  <si>
    <t>NI-HD6000E-A-D-ST</t>
  </si>
  <si>
    <t>UNV 24 Disk Slots Dual Control Storage, Enterprise SATA Hard Disk(Seagate 6TB)</t>
    <phoneticPr fontId="27" type="noConversion"/>
  </si>
  <si>
    <t>NI-HD6000V-A-D-ST</t>
  </si>
  <si>
    <t>UNV 24 Disk Slots Dual Control Storage, Surveillance SATA Hard Disk(Seagate 6TB)</t>
    <phoneticPr fontId="27" type="noConversion"/>
  </si>
  <si>
    <t>NI-HD8000E-A-D-ST</t>
  </si>
  <si>
    <t>UNV 24 Disk Slots Dual Control Storage, Enterprise SATA Hard Disk(Seagate 8TB)</t>
    <phoneticPr fontId="27" type="noConversion"/>
  </si>
  <si>
    <t>NI-HD8000V-A-D-ST</t>
  </si>
  <si>
    <t>UNV 24 Disk Slots Dual Control Storage, Surveillance SATA Hard Disk(Seagate 8TB)</t>
    <phoneticPr fontId="27" type="noConversion"/>
  </si>
  <si>
    <t>NI-HD6000E-A-D-WD</t>
  </si>
  <si>
    <t>UNV 24 Disk Slots Dual Control Storage, Enterprise SATA Hard Disk(WD 6TB)</t>
    <phoneticPr fontId="27" type="noConversion"/>
  </si>
  <si>
    <t>NI-HD6000V-A-D-WD</t>
  </si>
  <si>
    <t>UNV 24 Disk Slots Dual Control Storage, Surveillance SATA Hard Disk(WD 6TB)</t>
    <phoneticPr fontId="27" type="noConversion"/>
  </si>
  <si>
    <t>NI-HD8000E-A-D-WD</t>
  </si>
  <si>
    <t>UNV 24 Disk Slots Dual Control Storage, Enterprise SATA Hard Disk(WD  8TB)</t>
    <phoneticPr fontId="27" type="noConversion"/>
  </si>
  <si>
    <t>NI-HD8000V-A-D-WD</t>
  </si>
  <si>
    <t>UNV 24 Disk Slots Dual Control Storage, Surveillance SATA Hard Disk(WD 8TB)</t>
    <phoneticPr fontId="27" type="noConversion"/>
  </si>
  <si>
    <t>ND-HD6000V-A-D-WD</t>
  </si>
  <si>
    <t>UNV 48 Disk Slots Dual Control Storage, Surveillance SATA Hard Disk (WD 6TB*2)</t>
    <phoneticPr fontId="27" type="noConversion"/>
  </si>
  <si>
    <t>Used for VX3048-V2</t>
    <phoneticPr fontId="27" type="noConversion"/>
  </si>
  <si>
    <t>ND-HD8000V-A-D-WD</t>
  </si>
  <si>
    <t>UNV 48 Disk Slots Dual Control Storage, Surveillance SATA Hard Disk( WD 8TB*2)</t>
    <phoneticPr fontId="27" type="noConversion"/>
  </si>
  <si>
    <t>ND-HD6000E-A-D-WD</t>
  </si>
  <si>
    <t>UNV 48 Disk Slots Dual Control Storage, Enterprise SATA Hard Disk( WD6TB*2)</t>
    <phoneticPr fontId="27" type="noConversion"/>
  </si>
  <si>
    <t>ND-HD8000E-A-D-WD</t>
  </si>
  <si>
    <t>UNV 48 Disk Slots Dual Control Storage, Enterprise SATA Hard Disk( WD 8TB*2)</t>
    <phoneticPr fontId="27" type="noConversion"/>
  </si>
  <si>
    <t>ND-HD6000E-A-D-ST</t>
  </si>
  <si>
    <t>UNV 48 Disk Slots Dual Control Storage, Enterprise SATA Hard Disk(Seagate 6TB*2)</t>
    <phoneticPr fontId="27" type="noConversion"/>
  </si>
  <si>
    <t>ND-HD8000E-A-D-ST</t>
  </si>
  <si>
    <t>UNV 48 Disk Slots Dual Control Storage, Enterprise SATA Hard Disk(Seagate 8TB*2)</t>
    <phoneticPr fontId="27" type="noConversion"/>
  </si>
  <si>
    <t>ND-HD8000V-A-D-ST</t>
  </si>
  <si>
    <t>UNV 48 Disk Slots Dual Control Storage, Surveillance SATA Hard Disk(Seagate 8TB*2)</t>
    <phoneticPr fontId="27" type="noConversion"/>
  </si>
  <si>
    <t>ND-HD8000E-N-D-ST</t>
  </si>
  <si>
    <t>UNV 48 Disk Slots Dual Control Storage, Enterprise NL SAS Hard Disk(Seagate 8TB*2)</t>
    <phoneticPr fontId="27" type="noConversion"/>
  </si>
  <si>
    <t>ND-HD6000E-N-D-ST</t>
  </si>
  <si>
    <t>UNV 48 Disk Slots Dual Control Storage, Enterprise NL SAS Hard Disk(Seagate 6TB*2)</t>
    <phoneticPr fontId="27" type="noConversion"/>
  </si>
  <si>
    <t>ND-HD6000V-A-D-ST</t>
  </si>
  <si>
    <t>UNV 48 Disk Slots Dual Control Storage, Surveillance SATA Hard Disk(Seagate 6TB*2)</t>
    <phoneticPr fontId="27" type="noConversion"/>
  </si>
  <si>
    <t>NI-HD6000E-A-D-ST-01</t>
  </si>
  <si>
    <t>UNV 60 Disk Slots Dual Control Storage, Enterprise SATA Hard Disk ( Seagate  6TB)</t>
    <phoneticPr fontId="27" type="noConversion"/>
  </si>
  <si>
    <t>Used for VX3060-V2@S / VX3060-V2</t>
    <phoneticPr fontId="27" type="noConversion"/>
  </si>
  <si>
    <t>NI-HD6000V-A-D-ST-01</t>
  </si>
  <si>
    <t>UNV 60 Disk Slots Dual Control Storage, Surveillance SATA Hard Disk (Seagate  6TB)</t>
    <phoneticPr fontId="27" type="noConversion"/>
  </si>
  <si>
    <t>NI-HD8000E-A-D-ST-01</t>
  </si>
  <si>
    <t>UNV 60 Disk Slots Dual Control Storage, Enterprise SATA Hard Disk ( Seagate  8TB)</t>
    <phoneticPr fontId="27" type="noConversion"/>
  </si>
  <si>
    <t>NI-HD8000V-A-D-ST-01</t>
  </si>
  <si>
    <t>UNV 60 Disk Slots Dual Control Storage, Surveillance SATA Hard Disk (Seagate  8TB)</t>
    <phoneticPr fontId="27" type="noConversion"/>
  </si>
  <si>
    <t>NI-HD6000E-N-D-ST-01</t>
  </si>
  <si>
    <t>UNV 60 Disk Slots Dual Control Storage, Enterprise NL SAS Hard Disk ( Seagate  6TB)</t>
    <phoneticPr fontId="27" type="noConversion"/>
  </si>
  <si>
    <t>NI-HD8000E-N-D-ST-01</t>
  </si>
  <si>
    <t>UNV 60 Disk Slots Dual Control Storage, Enterprise NL SAS Hard Disk ( Seagate  8TB)</t>
    <phoneticPr fontId="27" type="noConversion"/>
  </si>
  <si>
    <t>NI-HD6000V-A-D-WD-01</t>
  </si>
  <si>
    <t>UNV 60 Disk Slots Dual Control Storage, Surveillance SATA Hard Disk (WD 6TB)</t>
    <phoneticPr fontId="27" type="noConversion"/>
  </si>
  <si>
    <t>NI-HD6000E-A-D-WD-01</t>
  </si>
  <si>
    <t>UNV 60 Disk Slots Dual Control Storage, Enterprise SATA Hard Disk ( WD 6TB)</t>
    <phoneticPr fontId="27" type="noConversion"/>
  </si>
  <si>
    <t>NI-HD8000V-A-D-WD-01</t>
  </si>
  <si>
    <t>UNV 60 Disk Slots Dual Control Storage, Surveillance SATA Hard Disk (WD 8TB)</t>
    <phoneticPr fontId="27" type="noConversion"/>
  </si>
  <si>
    <t>NI-HD8000E-A-D-WD-01</t>
  </si>
  <si>
    <t>UNV 60 Disk Slots Dual Control Storage, Enterprise SATA Hard Disk ( WD 8TB)</t>
    <phoneticPr fontId="27" type="noConversion"/>
  </si>
  <si>
    <t>PWR-AC2403-A-NB</t>
  </si>
  <si>
    <t>TR-JB17</t>
  </si>
  <si>
    <t>TR-FP10</t>
  </si>
  <si>
    <t>TR-WM50-IN</t>
  </si>
  <si>
    <t>TR-CM50-IN</t>
  </si>
  <si>
    <t>TR-WM08-B</t>
  </si>
  <si>
    <t>TR-WM06-E</t>
  </si>
  <si>
    <t>TR-FP10-A</t>
  </si>
  <si>
    <t>1m,G3/4-M20,EXC2300</t>
  </si>
  <si>
    <t>EXC2300-IR</t>
  </si>
  <si>
    <t>PWR-DC1202-A-NB</t>
  </si>
  <si>
    <t>DC12V/25W</t>
  </si>
  <si>
    <t xml:space="preserve">2MP IR Fixed Explosion-Proof Bullet Network Camera
EXC212-IR
Sensor 1/2.7", 2.0 megapixel, progressive scan, CMOS
Lens 4mm@F1.6
DORI Distance Lens Detect(m) Observe(m) Recognize(m) Identify(m)
 4.0mm 60.0 24.0 12.0 6.0
Angle of View (H) 86.5°
Angle of View (V) 44.1°
Angle of View (D) 106.4°
Shutter Auto/Manual, 1~1/100000 s
Minimum Illumination Colour: 0.005 Lux (F2.0, AGC ON)
0lux with IR on
Iris Auto/Manual, F1.6
Digital noise reduction 2D/3D DNR
Day/Night IR-cut filter with auto switch (ICR)
S/N &gt;52dB
Video
Video Compression H.265, H.264, MJPEG
H.264 code profile Baseline profile, Main Profile, High Profile
Frame Rate Main Stream:2MP (1920*1080): Max. 30 fps; 
OSD Time OSD, Custom OSD
Privacy Mask Supported
ROI Up to 8 areas
Smart
Behavior Detection Motion detection, cross line, intrusion, entering area, leaving area, wandering detection, rapid movement, personnel gathering, illegal parking, legacy detection, article removal detection
Anomaly Detection Occlusion detection,Scene change,Defocus
Intelligent Snapshot Face snapshots, Timing snapshots, Time - lapse snapshot, Events snapshots 
Statistical Analysis People counting
Network
Protocols L2TP、IPv4、IGMP、ICMP、ARP、TCP、UDP、DHCP、PPPoE、RTP、RTSP、DNS、DDNS、NTP、FTP、UPnP、HTTP、SNMP、HTTPS、SIP
Compatible Integration ONVIF、GB/T28181、IMOS、API
Interface
Network 10/100M Base-TX Ethernet
General
Power DC12V(±25%)，PoE(IEEE802.3af)
 Power consumption: Max 5W
Dimensions (L × W × H) 134.5 × 113 ×115 mm (5.3” × 4.4” × 4.5”)
Weight 2.30kg (5.07lb) 
Working Environment -30°C ~ +60°C (-22°F ~ 140°F), Humidity :5%~95% RH(non-condensing)
Ingress Protection IP68
</t>
  </si>
  <si>
    <t>2MP 22X Starlight IR Explosion-Proof PTZ Camera
EXC712-IR
Camera
Sensor 1/1.8", 2.0 megapixel, progressive scan, CMOS
Lens 6.5 ~ 143 mm, AF automatic focusing and motorized zoom lens
Optical Zoom 22
DORI Distance Lens Detect(m) Observe(m) Recognize(m) Identify(m)
 6.5mm 78 31.2 15.6 7.8
 143mm 1716 686.4 343.2 171.6
Angle of View (H) 62.0° 2.9°
Angle of View (V) 34.6° 1.6°
Angle of View (D) 76.3° 3.4°
Shutter Auto/Manual, 1~1/100000 s
Minimum Illumination Colour: 0.0005 Lux (F1.5, AGC ON)
0 lux with IR on
Iris Auto/Manual, F1.5~F3.4
Digital noise reduction 2D/3D DNR
Day/Night IR-cut filter with auto switch (ICR)
S/N &gt;52dB
WDR 120db
Video
Video Compression H.265, H.264, MJPEG
H.264 code profile Baseline profile, Main Profile, High Profile
Frame Rate Main Stream:2MP (1920*1080): Max. 60 fps; 
OSD Time OSD, Custom OSD
Smart
Behavior Detection Motion detection,cross line, intrusion, entering area, leaving area, wandering detection, rapid movement, personnel gathering, illegal parking, legacy detection, article removal detection
Anomaly Detection Sound abnormality, occlusion detection,Scene change
Intelligent Snapshot Face snapshots, timing snapshots, Time - lapse snapshot, events snapshots ,Preset snapshots
Statistical Analysis People counting, traffic statistics
Intelligent recognition Vehicle characteristics recognition supporting single lane, two lane or three lane scenes
License plate recognition: license plate number and license plate color
Identification of motor vehicles: motor vehicles, non motorized vehicles, pedestrians
Storage
Edge Storage Micro SD, up to 128 GB
Network Storage ANR
Network
Protocols L2TP、IPv4、IGMP、ICMP、ARP、TCP、UDP、DHCP、PPPoE、RTP、RTSP、DNS、DDNS、NTP、FTP、UPnP、HTTP、SNMP、HTTPS、SIP
Compatible Integration ONVIF、GB/T28181、IMOS、API
Pan &amp; Tilt
Pan Range 360°
Pan Speed 0.1°/s~40°/s
 Preset speed: 40°/s
Tilt Range -90°~+90°
Tilt Speed 0.1° ~ 40°/s
 Preset speed: 40°/s
Patrol Preset patrol,  route patrol
Home Position Supported 
Interface
Network 10/100M Base-TX Ethernet
General
Power AC220V
 Power consumption: Max 45W
Dimensions (L × W × H) 466.5 × 303 ×410 mm (18.4” × 11.9” × 16.1”)
Weight 26.75kg (58.97lb) 
Working Environment -40°C ~ +70°C (-40°F ~ 158°F), Humidity :5%~95% RH(non-condensing)
Ingress Protection IP68</t>
  </si>
  <si>
    <t>2MP 33X Starlight Explosion-Proof PTZ Dome Camera
EXC612
Sensor 1/2.8", 2.0 megapixel, progressive scan, CMOS
Lens 4.5 ~ 148.5 mm, AF automatic focusing and motorized zoom lens
Optical Zoom 33
DORI Distance Lens Detect(m) Observe(m) Recognize(m) Identify(m)
 4.5mm 69.8 27.9 14.0 7.0
 148.5mm 2304.3 921.7 460.9 230.4
Angle of View (H) 76.8° 2.1°
Angle of View (V) 38.4° 1.2°
Angle of View (D) 94.5° 2.5°
Shutter Auto/Manual, 1~1/100000 s
Minimum Illumination Colour: 0.001 Lux (F1.5, AGC ON)
0.0002 lux with IR on
Iris Auto/Manual, F1.5~F4.0
Digital noise reduction 2D/3D DNR
Day/Night IR-cut filter with auto switch (ICR)
S/N &gt;52dB
WDR 120db
Video
Video Compression H.265, H.264, MJPEG
H.264 code profile Baseline profile, Main Profile, High Profile
Frame Rate Main Stream:2MP (1920*1080): Max. 30 fps; 
OSD Time OSD, Custom OSD
Privacy Mask Supported
ROI Up to 8 areas
Smart
Behavior Detection Motion detection,cross line, intrusion, entering area, leaving area, wandering detection, rapid movement, personnel gathering, illegal parking, legacy detection, article removal detection
Anomaly Detection Sound abnormality, occlusion detection,Scene change,Defocus
Intelligent Snapshot Face snapshots, timing snapshots, Time - lapse snapshot, events snapshots 
Statistical Analysis People counting
Storage
Edge Storage Micro SD, up to 256 GB
Network
Protocols L2TP、IPv4、IGMP、ICMP、ARP、TCP、UDP、DHCP、PPPoE、RTP、RTSP、DNS、DDNS、NTP、FTP、UPnP、HTTP、SNMP、HTTPS、SIP
Compatible Integration ONVIF、GB/T28181、IMOS、API
Pan &amp; Tilt
Pan Range 360°
Pan Speed 0.1°/s~400°/s
 Preset speed: 400°/s
Tilt Range -20°~+90°
Tilt Speed 0.1° ~ 400°/s
 Preset speed: 400°/s
Number of Preset 1024
Patrol Preset patrol, Route patrol, Record patrol
Home Position Supported 
Interface
Network 10/100M Base-TX Ethernet
General
Power AC220V,PoE（IEEE802.3at）
 Power consumption: Max 16W
Dimensions (L × W × H) 322 × 203 ×431.5 mm (12.7” × 8.0” × 17.0”)
Weight 13.5kg (29.76lb) 
Working Environment -30°C ~ +70°C (-22°F ~ 158°F), Humidity :5%~95% RH(non-condensing)
Ingress Protection IP68</t>
  </si>
  <si>
    <t>2MP 4X IR Explosion-Proof Bullet Network Camera
EXC232-IR
Sensor 1/2.8", 2.0 megapixel, progressive scan, CMOS
Lens 2.8~12mm, AF automatic focusing and motorized zoom lens
DORI Distance Lens Detect(m) Observe(m) Recognize(m) Identify(m)
 2.8mm 43.4 17.4 8.7 4.3
 12mm 186.2 74.5 37.2 18.6
Angle of View (H) 110.3° 27.2°
Angle of View (V) 58.4° 14.9°
Angle of View (D) 143.4° 33.5°
Shutter Auto/Manual, 1~1/100000 s
Minimum Illumination Colour: 0.001 Lux (F1.6, AGC ON)
0.0002lux with IR on
Iris Auto/Manual, F1.6~F2.7
Digital noise reduction 2D/3D DNR
Day/Night IR-cut filter with auto switch (ICR)
S/N &gt;52dB
WDR 120db
Video
Video Compression H.265, H.264, MJPEG
H.264 code profile Baseline profile, Main Profile, High Profile
Frame Rate Main Stream:2MP (1920*1080): Max. 30 fps; 
OSD Time OSD, Custom OSD
Privacy Mask Supported
ROI Up to 8 areas
Smart
Behavior Detection Motion detection, cross line, intrusion, entering area, leaving area, wandering detection, rapid movement, personnel gathering, illegal parking, legacy detection, article removal detection
Anomaly Detection Sound abnormality, Occlusion detection,Scene change,Defocus
Intelligent Snapshot Face snapshots, Timing snapshots, Time - lapse snapshot, Events snapshots 
Statistical Analysis People counting
Storage
Edge Storage Micro SD, up to 256 GB
Network
Protocols L2TP、IPv4、IGMP、ICMP、ARP、TCP、UDP、DHCP、PPPoE、RTP、RTSP、DNS、DDNS、NTP、FTP、UPnP、HTTP、SNMP、HTTPS、SIP
Compatible Integration ONVIF、GB/T28181、IMOS、API
Interface
Network 10/100M Base-TX Ethernet
General
Power AC220V, PoE (IEEE802.3 at)
 Power consumption: Max 18W
Dimensions (L × W × H) 370.5 × 145 ×247.5 mm (14.6” × 5.7” × 9.7”)
Weight 8.25kg (18.19lb) 
Working Environment -30°C ~ +60°C (-22°F ~ 140°F), Humidity :5%~95% RH(non-condensing)
Ingress Protection IP68</t>
  </si>
  <si>
    <t>Взрывозащищенные IP видеокамеры</t>
  </si>
  <si>
    <t>7/2</t>
  </si>
  <si>
    <t>EXC2210-IR (EXC232-IR)</t>
  </si>
  <si>
    <t>EXC2700-IR (EXC712-IR)</t>
  </si>
  <si>
    <t>EXC2300-IR (EXC212-IR)</t>
  </si>
  <si>
    <t>EXC6621@X33 (EXC612-IR)</t>
  </si>
  <si>
    <t xml:space="preserve">TR-WM06-H-IN </t>
  </si>
  <si>
    <t>for EXC2210-IR (EXC232-IR)</t>
  </si>
  <si>
    <t>IPC3534SR3-DVNPZ-F</t>
  </si>
  <si>
    <t>IPC7622EL-X55UG</t>
  </si>
  <si>
    <t>Model Name</t>
    <phoneticPr fontId="31" type="noConversion"/>
  </si>
  <si>
    <t>IPC New Naming Rule</t>
    <phoneticPr fontId="33" type="noConversion"/>
  </si>
  <si>
    <t>IPC A1A2A3A4A5-B1-B2-B3</t>
    <phoneticPr fontId="33" type="noConversion"/>
  </si>
  <si>
    <t>IPC2124SS-ADF28KM</t>
    <phoneticPr fontId="33" type="noConversion"/>
  </si>
  <si>
    <t>SS</t>
    <phoneticPr fontId="33" type="noConversion"/>
  </si>
  <si>
    <t>ADF28KM</t>
    <phoneticPr fontId="33" type="noConversion"/>
  </si>
  <si>
    <t>Type</t>
    <phoneticPr fontId="33" type="noConversion"/>
  </si>
  <si>
    <t>Default</t>
    <phoneticPr fontId="33" type="noConversion"/>
  </si>
  <si>
    <t>Resolution</t>
    <phoneticPr fontId="33" type="noConversion"/>
  </si>
  <si>
    <t>Series</t>
    <phoneticPr fontId="33" type="noConversion"/>
  </si>
  <si>
    <t xml:space="preserve"> Function</t>
    <phoneticPr fontId="33" type="noConversion"/>
  </si>
  <si>
    <t xml:space="preserve"> Iteration</t>
    <phoneticPr fontId="33" type="noConversion"/>
  </si>
  <si>
    <t>OEM</t>
  </si>
  <si>
    <t xml:space="preserve">Product </t>
  </si>
  <si>
    <t>A1</t>
  </si>
  <si>
    <t>A2</t>
  </si>
  <si>
    <t>A3</t>
  </si>
  <si>
    <t>A4</t>
  </si>
  <si>
    <t>A5</t>
  </si>
  <si>
    <t>B1</t>
    <phoneticPr fontId="33" type="noConversion"/>
  </si>
  <si>
    <t>B2</t>
    <phoneticPr fontId="33" type="noConversion"/>
  </si>
  <si>
    <t>B3</t>
    <phoneticPr fontId="33" type="noConversion"/>
  </si>
  <si>
    <t>IPC: Network Camera</t>
  </si>
  <si>
    <t>0：Pinhole/cube</t>
  </si>
  <si>
    <t>Bullet：</t>
    <phoneticPr fontId="33" type="noConversion"/>
  </si>
  <si>
    <t>2:2MP</t>
    <phoneticPr fontId="33" type="noConversion"/>
  </si>
  <si>
    <r>
      <rPr>
        <sz val="11"/>
        <color rgb="FFFF0000"/>
        <rFont val="Calibri"/>
        <family val="2"/>
      </rPr>
      <t>LB</t>
    </r>
    <r>
      <rPr>
        <sz val="11"/>
        <color rgb="FFFF0000"/>
        <rFont val="宋体"/>
        <family val="3"/>
        <charset val="134"/>
      </rPr>
      <t>：</t>
    </r>
    <r>
      <rPr>
        <sz val="11"/>
        <color theme="1"/>
        <rFont val="Calibri"/>
        <family val="2"/>
      </rPr>
      <t>EASY</t>
    </r>
  </si>
  <si>
    <r>
      <rPr>
        <sz val="11"/>
        <color rgb="FFFF0000"/>
        <rFont val="Calibri"/>
        <family val="2"/>
      </rPr>
      <t>H</t>
    </r>
    <r>
      <rPr>
        <sz val="11"/>
        <color rgb="FFFF0000"/>
        <rFont val="宋体"/>
        <family val="3"/>
        <charset val="134"/>
      </rPr>
      <t>：</t>
    </r>
    <r>
      <rPr>
        <sz val="11"/>
        <color theme="1"/>
        <rFont val="Calibri"/>
        <family val="2"/>
      </rPr>
      <t>60fps</t>
    </r>
  </si>
  <si>
    <t>-NB</t>
  </si>
  <si>
    <t xml:space="preserve">1: Module   </t>
    <phoneticPr fontId="33" type="noConversion"/>
  </si>
  <si>
    <r>
      <t>1</t>
    </r>
    <r>
      <rPr>
        <sz val="10"/>
        <color rgb="FF000000"/>
        <rFont val="微软雅黑"/>
        <family val="2"/>
        <charset val="134"/>
      </rPr>
      <t>：21Mini Bullet (fixed)</t>
    </r>
  </si>
  <si>
    <t>3:3MP</t>
    <phoneticPr fontId="33" type="noConversion"/>
  </si>
  <si>
    <r>
      <rPr>
        <sz val="11"/>
        <color rgb="FFFF0000"/>
        <rFont val="Calibri"/>
        <family val="2"/>
      </rPr>
      <t>LE</t>
    </r>
    <r>
      <rPr>
        <sz val="11"/>
        <color rgb="FFFF0000"/>
        <rFont val="宋体"/>
        <family val="3"/>
        <charset val="134"/>
      </rPr>
      <t>：</t>
    </r>
    <r>
      <rPr>
        <sz val="11"/>
        <color theme="1"/>
        <rFont val="Calibri"/>
        <family val="2"/>
      </rPr>
      <t>EASY star</t>
    </r>
  </si>
  <si>
    <r>
      <rPr>
        <sz val="11"/>
        <color rgb="FFFF0000"/>
        <rFont val="Calibri"/>
        <family val="2"/>
      </rPr>
      <t>A</t>
    </r>
    <r>
      <rPr>
        <sz val="11"/>
        <color rgb="FFFF0000"/>
        <rFont val="宋体"/>
        <family val="3"/>
        <charset val="134"/>
      </rPr>
      <t>：</t>
    </r>
    <r>
      <rPr>
        <sz val="11"/>
        <color theme="1"/>
        <rFont val="Calibri"/>
        <family val="2"/>
      </rPr>
      <t xml:space="preserve">Mic         </t>
    </r>
  </si>
  <si>
    <t>C1</t>
    <phoneticPr fontId="33" type="noConversion"/>
  </si>
  <si>
    <t>2: Bullet</t>
  </si>
  <si>
    <r>
      <t>2</t>
    </r>
    <r>
      <rPr>
        <sz val="10"/>
        <color rgb="FF000000"/>
        <rFont val="微软雅黑"/>
        <family val="2"/>
        <charset val="134"/>
      </rPr>
      <t>：22 Bullet（fixed）</t>
    </r>
  </si>
  <si>
    <t>4:4MP</t>
    <phoneticPr fontId="33" type="noConversion"/>
  </si>
  <si>
    <r>
      <rPr>
        <sz val="11"/>
        <color rgb="FFFF0000"/>
        <rFont val="Calibri"/>
        <family val="2"/>
      </rPr>
      <t>SB</t>
    </r>
    <r>
      <rPr>
        <sz val="11"/>
        <color rgb="FFFF0000"/>
        <rFont val="宋体"/>
        <family val="3"/>
        <charset val="134"/>
      </rPr>
      <t>：</t>
    </r>
    <r>
      <rPr>
        <sz val="11"/>
        <color theme="1"/>
        <rFont val="Calibri"/>
        <family val="2"/>
      </rPr>
      <t>PRIME-I</t>
    </r>
  </si>
  <si>
    <r>
      <rPr>
        <sz val="11"/>
        <color rgb="FFFF0000"/>
        <rFont val="Calibri"/>
        <family val="2"/>
      </rPr>
      <t>D:</t>
    </r>
    <r>
      <rPr>
        <sz val="11"/>
        <color theme="1"/>
        <rFont val="Calibri"/>
        <family val="2"/>
      </rPr>
      <t xml:space="preserve"> true WDR       </t>
    </r>
  </si>
  <si>
    <t>D1</t>
    <phoneticPr fontId="33" type="noConversion"/>
  </si>
  <si>
    <t xml:space="preserve">3: Dome </t>
  </si>
  <si>
    <r>
      <t>3</t>
    </r>
    <r>
      <rPr>
        <sz val="10"/>
        <color rgb="FF000000"/>
        <rFont val="微软雅黑"/>
        <family val="2"/>
        <charset val="134"/>
      </rPr>
      <t>：23 Bullet（Motorized）</t>
    </r>
  </si>
  <si>
    <t>5:5MP</t>
    <phoneticPr fontId="33" type="noConversion"/>
  </si>
  <si>
    <r>
      <rPr>
        <sz val="11"/>
        <color rgb="FFFF0000"/>
        <rFont val="Calibri"/>
        <family val="2"/>
      </rPr>
      <t>SS</t>
    </r>
    <r>
      <rPr>
        <sz val="11"/>
        <color rgb="FFFF0000"/>
        <rFont val="宋体"/>
        <family val="3"/>
        <charset val="134"/>
      </rPr>
      <t>：</t>
    </r>
    <r>
      <rPr>
        <sz val="11"/>
        <color theme="1"/>
        <rFont val="Calibri"/>
        <family val="2"/>
      </rPr>
      <t>PRIME-II</t>
    </r>
  </si>
  <si>
    <r>
      <rPr>
        <sz val="11"/>
        <color rgb="FFFF0000"/>
        <rFont val="Calibri"/>
        <family val="2"/>
      </rPr>
      <t>X</t>
    </r>
    <r>
      <rPr>
        <sz val="11"/>
        <color rgb="FFFF0000"/>
        <rFont val="宋体"/>
        <family val="3"/>
        <charset val="134"/>
      </rPr>
      <t>？：</t>
    </r>
    <r>
      <rPr>
        <sz val="11"/>
        <color theme="1"/>
        <rFont val="Calibri"/>
        <family val="2"/>
      </rPr>
      <t>Optical Zoom</t>
    </r>
  </si>
  <si>
    <t>4: N/A</t>
    <phoneticPr fontId="33" type="noConversion"/>
  </si>
  <si>
    <r>
      <t>5</t>
    </r>
    <r>
      <rPr>
        <sz val="10"/>
        <color rgb="FF000000"/>
        <rFont val="微软雅黑"/>
        <family val="2"/>
        <charset val="134"/>
      </rPr>
      <t xml:space="preserve">：25 Bullet（8”） </t>
    </r>
  </si>
  <si>
    <t>6:6MP</t>
    <phoneticPr fontId="33" type="noConversion"/>
  </si>
  <si>
    <r>
      <rPr>
        <sz val="11"/>
        <color rgb="FFFF0000"/>
        <rFont val="Calibri"/>
        <family val="2"/>
      </rPr>
      <t>SE</t>
    </r>
    <r>
      <rPr>
        <sz val="11"/>
        <color rgb="FFFF0000"/>
        <rFont val="宋体"/>
        <family val="3"/>
        <charset val="134"/>
      </rPr>
      <t>：</t>
    </r>
    <r>
      <rPr>
        <sz val="11"/>
        <color theme="1"/>
        <rFont val="Calibri"/>
        <family val="2"/>
      </rPr>
      <t>PRIME-III</t>
    </r>
  </si>
  <si>
    <r>
      <rPr>
        <sz val="11"/>
        <color rgb="FFFF0000"/>
        <rFont val="Calibri"/>
        <family val="2"/>
      </rPr>
      <t>S/E</t>
    </r>
    <r>
      <rPr>
        <sz val="11"/>
        <color rgb="FFFF0000"/>
        <rFont val="宋体"/>
        <family val="3"/>
        <charset val="134"/>
      </rPr>
      <t>：</t>
    </r>
    <r>
      <rPr>
        <sz val="11"/>
        <color theme="1"/>
        <rFont val="Calibri"/>
        <family val="2"/>
      </rPr>
      <t xml:space="preserve">Simplified/Full cable  </t>
    </r>
  </si>
  <si>
    <t xml:space="preserve">5: Box   </t>
  </si>
  <si>
    <r>
      <t>6</t>
    </r>
    <r>
      <rPr>
        <sz val="10"/>
        <color rgb="FF000000"/>
        <rFont val="微软雅黑"/>
        <family val="2"/>
        <charset val="134"/>
      </rPr>
      <t>：26 Bullet（6”）</t>
    </r>
  </si>
  <si>
    <t>8:8MP</t>
    <phoneticPr fontId="33" type="noConversion"/>
  </si>
  <si>
    <r>
      <rPr>
        <sz val="11"/>
        <color rgb="FFFF0000"/>
        <rFont val="Calibri"/>
        <family val="2"/>
      </rPr>
      <t>SA</t>
    </r>
    <r>
      <rPr>
        <sz val="11"/>
        <color rgb="FFFF0000"/>
        <rFont val="宋体"/>
        <family val="3"/>
        <charset val="134"/>
      </rPr>
      <t>：</t>
    </r>
    <r>
      <rPr>
        <sz val="11"/>
        <color theme="1"/>
        <rFont val="Calibri"/>
        <family val="2"/>
      </rPr>
      <t>PRIME-IV</t>
    </r>
  </si>
  <si>
    <r>
      <rPr>
        <sz val="11"/>
        <color rgb="FFFF0000"/>
        <rFont val="Calibri"/>
        <family val="2"/>
      </rPr>
      <t>B</t>
    </r>
    <r>
      <rPr>
        <sz val="11"/>
        <color rgb="FFFF0000"/>
        <rFont val="宋体"/>
        <family val="3"/>
        <charset val="134"/>
      </rPr>
      <t>：</t>
    </r>
    <r>
      <rPr>
        <sz val="11"/>
        <color theme="1"/>
        <rFont val="Calibri"/>
        <family val="2"/>
      </rPr>
      <t xml:space="preserve">Not PoE         </t>
    </r>
  </si>
  <si>
    <t>6: PTZ Dome</t>
  </si>
  <si>
    <t>Dome：</t>
  </si>
  <si>
    <r>
      <rPr>
        <sz val="11"/>
        <color rgb="FFFF0000"/>
        <rFont val="Calibri"/>
        <family val="2"/>
      </rPr>
      <t>EA</t>
    </r>
    <r>
      <rPr>
        <sz val="11"/>
        <color rgb="FFFF0000"/>
        <rFont val="宋体"/>
        <family val="3"/>
        <charset val="134"/>
      </rPr>
      <t>：</t>
    </r>
    <r>
      <rPr>
        <sz val="11"/>
        <color theme="1"/>
        <rFont val="Calibri"/>
        <family val="2"/>
      </rPr>
      <t>PRO AlphaView</t>
    </r>
  </si>
  <si>
    <r>
      <rPr>
        <sz val="11"/>
        <color rgb="FFFF0000"/>
        <rFont val="Calibri"/>
        <family val="2"/>
      </rPr>
      <t>F</t>
    </r>
    <r>
      <rPr>
        <sz val="11"/>
        <color rgb="FFFF0000"/>
        <rFont val="宋体"/>
        <family val="3"/>
        <charset val="134"/>
      </rPr>
      <t>？：</t>
    </r>
    <r>
      <rPr>
        <sz val="11"/>
        <color rgb="FFFF0000"/>
        <rFont val="Calibri"/>
        <family val="2"/>
      </rPr>
      <t xml:space="preserve"> </t>
    </r>
    <r>
      <rPr>
        <sz val="11"/>
        <color theme="1"/>
        <rFont val="Calibri"/>
        <family val="2"/>
      </rPr>
      <t>Fixed lens</t>
    </r>
  </si>
  <si>
    <t>7: PTZ Positioner</t>
  </si>
  <si>
    <r>
      <t>1</t>
    </r>
    <r>
      <rPr>
        <sz val="10"/>
        <color rgb="FF000000"/>
        <rFont val="微软雅黑"/>
        <family val="2"/>
        <charset val="134"/>
      </rPr>
      <t>：31 Mini Dome</t>
    </r>
  </si>
  <si>
    <r>
      <rPr>
        <sz val="11"/>
        <color rgb="FFFF0000"/>
        <rFont val="Calibri"/>
        <family val="2"/>
      </rPr>
      <t>Z</t>
    </r>
    <r>
      <rPr>
        <sz val="11"/>
        <color rgb="FFFF0000"/>
        <rFont val="宋体"/>
        <family val="3"/>
        <charset val="134"/>
      </rPr>
      <t>：</t>
    </r>
    <r>
      <rPr>
        <sz val="11"/>
        <color theme="1"/>
        <rFont val="Calibri"/>
        <family val="2"/>
      </rPr>
      <t>Motorized</t>
    </r>
  </si>
  <si>
    <t>8: Panoramic</t>
  </si>
  <si>
    <r>
      <t>2</t>
    </r>
    <r>
      <rPr>
        <sz val="10"/>
        <color rgb="FF000000"/>
        <rFont val="微软雅黑"/>
        <family val="2"/>
        <charset val="134"/>
      </rPr>
      <t>：32 Dome</t>
    </r>
  </si>
  <si>
    <r>
      <rPr>
        <sz val="11"/>
        <color rgb="FFFF0000"/>
        <rFont val="Calibri"/>
        <family val="2"/>
      </rPr>
      <t>W</t>
    </r>
    <r>
      <rPr>
        <sz val="11"/>
        <color rgb="FFFF0000"/>
        <rFont val="宋体"/>
        <family val="3"/>
        <charset val="134"/>
      </rPr>
      <t>：</t>
    </r>
    <r>
      <rPr>
        <sz val="11"/>
        <color theme="1"/>
        <rFont val="Calibri"/>
        <family val="2"/>
      </rPr>
      <t xml:space="preserve">wifi  </t>
    </r>
  </si>
  <si>
    <r>
      <t>6</t>
    </r>
    <r>
      <rPr>
        <sz val="10"/>
        <color rgb="FF000000"/>
        <rFont val="微软雅黑"/>
        <family val="2"/>
        <charset val="134"/>
      </rPr>
      <t>：36 Turret Dome</t>
    </r>
  </si>
  <si>
    <r>
      <rPr>
        <sz val="11"/>
        <color rgb="FFFF0000"/>
        <rFont val="Calibri"/>
        <family val="2"/>
      </rPr>
      <t>G</t>
    </r>
    <r>
      <rPr>
        <sz val="11"/>
        <color rgb="FFFF0000"/>
        <rFont val="宋体"/>
        <family val="3"/>
        <charset val="134"/>
      </rPr>
      <t>：</t>
    </r>
    <r>
      <rPr>
        <sz val="11"/>
        <color theme="1"/>
        <rFont val="Calibri"/>
        <family val="2"/>
      </rPr>
      <t xml:space="preserve">SFP slot(fiber)          </t>
    </r>
  </si>
  <si>
    <t>Box：</t>
  </si>
  <si>
    <r>
      <rPr>
        <sz val="11"/>
        <color rgb="FFFF0000"/>
        <rFont val="Calibri"/>
        <family val="2"/>
      </rPr>
      <t>M</t>
    </r>
    <r>
      <rPr>
        <sz val="11"/>
        <color rgb="FFFF0000"/>
        <rFont val="宋体"/>
        <family val="3"/>
        <charset val="134"/>
      </rPr>
      <t>：</t>
    </r>
    <r>
      <rPr>
        <sz val="11"/>
        <color theme="1"/>
        <rFont val="Calibri"/>
        <family val="2"/>
      </rPr>
      <t xml:space="preserve">Metal      </t>
    </r>
  </si>
  <si>
    <r>
      <t>4</t>
    </r>
    <r>
      <rPr>
        <sz val="10"/>
        <color rgb="FF000000"/>
        <rFont val="微软雅黑"/>
        <family val="2"/>
        <charset val="134"/>
      </rPr>
      <t>：54 Box，</t>
    </r>
    <r>
      <rPr>
        <sz val="10"/>
        <color rgb="FFFF0000"/>
        <rFont val="微软雅黑"/>
        <family val="2"/>
        <charset val="134"/>
      </rPr>
      <t>6</t>
    </r>
    <r>
      <rPr>
        <sz val="10"/>
        <color rgb="FF000000"/>
        <rFont val="微软雅黑"/>
        <family val="2"/>
        <charset val="134"/>
      </rPr>
      <t>：56 Box</t>
    </r>
  </si>
  <si>
    <r>
      <rPr>
        <sz val="11"/>
        <color rgb="FFFF0000"/>
        <rFont val="Calibri"/>
        <family val="2"/>
      </rPr>
      <t xml:space="preserve">K: </t>
    </r>
    <r>
      <rPr>
        <sz val="11"/>
        <color theme="1"/>
        <rFont val="Calibri"/>
        <family val="2"/>
      </rPr>
      <t>SD card</t>
    </r>
  </si>
  <si>
    <t>PTZ Dome：</t>
  </si>
  <si>
    <r>
      <t>2：</t>
    </r>
    <r>
      <rPr>
        <sz val="10"/>
        <color rgb="FF000000"/>
        <rFont val="微软雅黑"/>
        <family val="2"/>
        <charset val="134"/>
      </rPr>
      <t>65PTZ Dome（G2）</t>
    </r>
  </si>
  <si>
    <r>
      <t>3：</t>
    </r>
    <r>
      <rPr>
        <sz val="10"/>
        <color rgb="FF000000"/>
        <rFont val="微软雅黑"/>
        <family val="2"/>
        <charset val="134"/>
      </rPr>
      <t>63PTZ Dome（G3）</t>
    </r>
  </si>
  <si>
    <r>
      <t>8：</t>
    </r>
    <r>
      <rPr>
        <sz val="10"/>
        <color rgb="FF000000"/>
        <rFont val="微软雅黑"/>
        <family val="2"/>
        <charset val="134"/>
      </rPr>
      <t>68PTZ Dome(8”)</t>
    </r>
  </si>
  <si>
    <t>PTZ Positioner：</t>
  </si>
  <si>
    <r>
      <t>4：</t>
    </r>
    <r>
      <rPr>
        <sz val="10"/>
        <color rgb="FF000000"/>
        <rFont val="微软雅黑"/>
        <family val="2"/>
        <charset val="134"/>
      </rPr>
      <t>74 PTZ Bullet</t>
    </r>
  </si>
  <si>
    <t>Panoramic：</t>
  </si>
  <si>
    <r>
      <t>1：</t>
    </r>
    <r>
      <rPr>
        <sz val="10"/>
        <color rgb="FF000000"/>
        <rFont val="微软雅黑"/>
        <family val="2"/>
        <charset val="134"/>
      </rPr>
      <t>81 Fisheye</t>
    </r>
  </si>
  <si>
    <r>
      <t>6：</t>
    </r>
    <r>
      <rPr>
        <sz val="10"/>
        <color rgb="FF000000"/>
        <rFont val="微软雅黑"/>
        <family val="2"/>
        <charset val="134"/>
      </rPr>
      <t>86 Fisheye</t>
    </r>
  </si>
  <si>
    <t>IPC Old Naming Rule</t>
    <phoneticPr fontId="33" type="noConversion"/>
  </si>
  <si>
    <r>
      <rPr>
        <b/>
        <sz val="11"/>
        <color theme="0"/>
        <rFont val="宋体"/>
        <family val="3"/>
        <charset val="134"/>
      </rPr>
      <t>①</t>
    </r>
  </si>
  <si>
    <r>
      <rPr>
        <b/>
        <sz val="11"/>
        <color theme="0"/>
        <rFont val="宋体"/>
        <family val="3"/>
        <charset val="134"/>
      </rPr>
      <t>②</t>
    </r>
  </si>
  <si>
    <r>
      <rPr>
        <b/>
        <sz val="11"/>
        <color theme="0"/>
        <rFont val="宋体"/>
        <family val="3"/>
        <charset val="134"/>
      </rPr>
      <t>③</t>
    </r>
  </si>
  <si>
    <r>
      <rPr>
        <b/>
        <sz val="11"/>
        <color theme="0"/>
        <rFont val="宋体"/>
        <family val="3"/>
        <charset val="134"/>
      </rPr>
      <t>④</t>
    </r>
  </si>
  <si>
    <r>
      <rPr>
        <b/>
        <sz val="11"/>
        <color theme="0"/>
        <rFont val="宋体"/>
        <family val="3"/>
        <charset val="134"/>
      </rPr>
      <t>⑤</t>
    </r>
  </si>
  <si>
    <r>
      <rPr>
        <b/>
        <sz val="11"/>
        <color theme="0"/>
        <rFont val="宋体"/>
        <family val="3"/>
        <charset val="134"/>
      </rPr>
      <t>⑥</t>
    </r>
  </si>
  <si>
    <r>
      <rPr>
        <b/>
        <sz val="11"/>
        <color theme="0"/>
        <rFont val="宋体"/>
        <family val="3"/>
        <charset val="134"/>
      </rPr>
      <t>⑦</t>
    </r>
  </si>
  <si>
    <t>IPC3611SR3-DPF60</t>
  </si>
  <si>
    <t>IPC</t>
  </si>
  <si>
    <t>S</t>
  </si>
  <si>
    <t>R3</t>
  </si>
  <si>
    <t>DPF60</t>
  </si>
  <si>
    <t>IPC242ER5-DL</t>
  </si>
  <si>
    <t>E</t>
  </si>
  <si>
    <t>R5</t>
  </si>
  <si>
    <t>DL</t>
  </si>
  <si>
    <t>IPC6242SL-X33G</t>
  </si>
  <si>
    <t>L</t>
  </si>
  <si>
    <t>X33G</t>
  </si>
  <si>
    <r>
      <rPr>
        <b/>
        <sz val="11"/>
        <color theme="0"/>
        <rFont val="宋体"/>
        <family val="3"/>
        <charset val="134"/>
      </rPr>
      <t>①</t>
    </r>
    <r>
      <rPr>
        <b/>
        <sz val="11"/>
        <color theme="0"/>
        <rFont val="Calibri"/>
        <family val="2"/>
      </rPr>
      <t xml:space="preserve"> Product </t>
    </r>
  </si>
  <si>
    <r>
      <rPr>
        <b/>
        <sz val="11"/>
        <color theme="0"/>
        <rFont val="宋体"/>
        <family val="3"/>
        <charset val="134"/>
      </rPr>
      <t>②</t>
    </r>
    <r>
      <rPr>
        <b/>
        <sz val="11"/>
        <color theme="0"/>
        <rFont val="Calibri"/>
        <family val="2"/>
      </rPr>
      <t xml:space="preserve"> Type &amp; Generation</t>
    </r>
  </si>
  <si>
    <r>
      <rPr>
        <b/>
        <sz val="11"/>
        <color theme="0"/>
        <rFont val="宋体"/>
        <family val="3"/>
        <charset val="134"/>
      </rPr>
      <t>③</t>
    </r>
    <r>
      <rPr>
        <b/>
        <sz val="11"/>
        <color theme="0"/>
        <rFont val="Calibri"/>
        <family val="2"/>
      </rPr>
      <t xml:space="preserve"> Market</t>
    </r>
  </si>
  <si>
    <r>
      <rPr>
        <b/>
        <sz val="11"/>
        <color theme="0"/>
        <rFont val="宋体"/>
        <family val="3"/>
        <charset val="134"/>
      </rPr>
      <t>④</t>
    </r>
    <r>
      <rPr>
        <b/>
        <sz val="11"/>
        <color theme="0"/>
        <rFont val="Calibri"/>
        <family val="2"/>
      </rPr>
      <t xml:space="preserve"> Resolution</t>
    </r>
  </si>
  <si>
    <r>
      <rPr>
        <b/>
        <sz val="11"/>
        <color theme="0"/>
        <rFont val="宋体"/>
        <family val="3"/>
        <charset val="134"/>
      </rPr>
      <t>⑤</t>
    </r>
    <r>
      <rPr>
        <b/>
        <sz val="11"/>
        <color theme="0"/>
        <rFont val="Calibri"/>
        <family val="2"/>
      </rPr>
      <t xml:space="preserve"> Subtype</t>
    </r>
  </si>
  <si>
    <r>
      <rPr>
        <b/>
        <sz val="11"/>
        <color theme="0"/>
        <rFont val="宋体"/>
        <family val="3"/>
        <charset val="134"/>
      </rPr>
      <t>⑥</t>
    </r>
    <r>
      <rPr>
        <b/>
        <sz val="11"/>
        <color theme="0"/>
        <rFont val="Calibri"/>
        <family val="2"/>
      </rPr>
      <t xml:space="preserve"> Form</t>
    </r>
  </si>
  <si>
    <r>
      <rPr>
        <b/>
        <sz val="11"/>
        <color theme="0"/>
        <rFont val="宋体"/>
        <family val="3"/>
        <charset val="134"/>
      </rPr>
      <t>⑦</t>
    </r>
    <r>
      <rPr>
        <b/>
        <sz val="11"/>
        <color theme="0"/>
        <rFont val="Calibri"/>
        <family val="2"/>
      </rPr>
      <t xml:space="preserve"> Discription:</t>
    </r>
  </si>
  <si>
    <t>0: Miniaturized camera (Pinhole/Card)</t>
    <phoneticPr fontId="33" type="noConversion"/>
  </si>
  <si>
    <t>1: Entry level</t>
    <phoneticPr fontId="33" type="noConversion"/>
  </si>
  <si>
    <t>1: 1MP/1.3MP</t>
  </si>
  <si>
    <t>L: Lite</t>
    <phoneticPr fontId="33" type="noConversion"/>
  </si>
  <si>
    <t>I: Indoor</t>
    <phoneticPr fontId="33" type="noConversion"/>
  </si>
  <si>
    <t>Main Feature:</t>
  </si>
  <si>
    <t>1: Module (Zoom camera)</t>
    <phoneticPr fontId="33" type="noConversion"/>
  </si>
  <si>
    <t>3: Mid-range</t>
  </si>
  <si>
    <t>2: 2MP</t>
    <phoneticPr fontId="33" type="noConversion"/>
  </si>
  <si>
    <t>S: Standard</t>
    <phoneticPr fontId="33" type="noConversion"/>
  </si>
  <si>
    <t>B: Bracket</t>
    <phoneticPr fontId="33" type="noConversion"/>
  </si>
  <si>
    <t>X?: ?x Optical Zoom</t>
    <phoneticPr fontId="33" type="noConversion"/>
  </si>
  <si>
    <t>2: G1 Bullet</t>
    <phoneticPr fontId="33" type="noConversion"/>
  </si>
  <si>
    <t>4: Mid to high</t>
    <phoneticPr fontId="33" type="noConversion"/>
  </si>
  <si>
    <t>3: 3MP</t>
  </si>
  <si>
    <t>E: Enhanced</t>
    <phoneticPr fontId="33" type="noConversion"/>
  </si>
  <si>
    <t>K: Parking space detection</t>
    <phoneticPr fontId="33" type="noConversion"/>
  </si>
  <si>
    <t>D: Optical WDR</t>
    <phoneticPr fontId="33" type="noConversion"/>
  </si>
  <si>
    <t xml:space="preserve">  22: G2 Fixed lens Bullet</t>
    <phoneticPr fontId="33" type="noConversion"/>
  </si>
  <si>
    <t>4: 4MP</t>
    <phoneticPr fontId="33" type="noConversion"/>
  </si>
  <si>
    <t>WH: White light</t>
    <phoneticPr fontId="33" type="noConversion"/>
  </si>
  <si>
    <t>L: Low-light</t>
    <phoneticPr fontId="33" type="noConversion"/>
  </si>
  <si>
    <t xml:space="preserve">  23: G2 Varifocal Bullet</t>
    <phoneticPr fontId="33" type="noConversion"/>
  </si>
  <si>
    <t>5: 5MP</t>
    <phoneticPr fontId="33" type="noConversion"/>
  </si>
  <si>
    <t>FW: Full spectrum fill light</t>
    <phoneticPr fontId="33" type="noConversion"/>
  </si>
  <si>
    <t>H: 60fps</t>
    <phoneticPr fontId="33" type="noConversion"/>
  </si>
  <si>
    <t xml:space="preserve">  25: G2 8inch Bullet</t>
    <phoneticPr fontId="33" type="noConversion"/>
  </si>
  <si>
    <t>6: 6MP</t>
    <phoneticPr fontId="33" type="noConversion"/>
  </si>
  <si>
    <t xml:space="preserve">R: IR </t>
    <phoneticPr fontId="33" type="noConversion"/>
  </si>
  <si>
    <t>A: Built-in Audio</t>
    <phoneticPr fontId="33" type="noConversion"/>
  </si>
  <si>
    <t xml:space="preserve">  26: G2 6inch Bullet</t>
    <phoneticPr fontId="33" type="noConversion"/>
  </si>
  <si>
    <t>8: 8MP</t>
    <phoneticPr fontId="33" type="noConversion"/>
  </si>
  <si>
    <t>R1: 10-20m IR</t>
    <phoneticPr fontId="33" type="noConversion"/>
  </si>
  <si>
    <t>U: Ultra Low-light</t>
    <phoneticPr fontId="33" type="noConversion"/>
  </si>
  <si>
    <t xml:space="preserve">  2A/2C: G3 Bullet</t>
    <phoneticPr fontId="33" type="noConversion"/>
  </si>
  <si>
    <t>C: 12MP</t>
    <phoneticPr fontId="33" type="noConversion"/>
  </si>
  <si>
    <t>R3: 30-40m IR</t>
    <phoneticPr fontId="33" type="noConversion"/>
  </si>
  <si>
    <t>IA: Intelligent Analysis</t>
    <phoneticPr fontId="33" type="noConversion"/>
  </si>
  <si>
    <t>3: G1 Dome</t>
    <phoneticPr fontId="33" type="noConversion"/>
  </si>
  <si>
    <t>R5: 50-60m IR</t>
    <phoneticPr fontId="33" type="noConversion"/>
  </si>
  <si>
    <t>CM: Corridor Mode</t>
    <phoneticPr fontId="33" type="noConversion"/>
  </si>
  <si>
    <t xml:space="preserve">  31: Mini Dome</t>
    <phoneticPr fontId="33" type="noConversion"/>
  </si>
  <si>
    <t>R6: 60m IR</t>
    <phoneticPr fontId="33" type="noConversion"/>
  </si>
  <si>
    <t xml:space="preserve">  32: G2 Fixed lens Dome</t>
    <phoneticPr fontId="33" type="noConversion"/>
  </si>
  <si>
    <t>R9: 90m IR</t>
    <phoneticPr fontId="33" type="noConversion"/>
  </si>
  <si>
    <t>Additional Feature:</t>
  </si>
  <si>
    <t xml:space="preserve">  323: G2 Varifocal Dome</t>
    <phoneticPr fontId="33" type="noConversion"/>
  </si>
  <si>
    <t>RA: more than 100m IR</t>
    <phoneticPr fontId="33" type="noConversion"/>
  </si>
  <si>
    <t>V: Vandal-resistent</t>
    <phoneticPr fontId="33" type="noConversion"/>
  </si>
  <si>
    <t xml:space="preserve">  35: G3 Fixed lens Dome</t>
    <phoneticPr fontId="33" type="noConversion"/>
  </si>
  <si>
    <t>L: IR LASER</t>
    <phoneticPr fontId="33" type="noConversion"/>
  </si>
  <si>
    <t>S: Simplified cable</t>
    <phoneticPr fontId="33" type="noConversion"/>
  </si>
  <si>
    <t xml:space="preserve">  353: G3 Varifocal Dome</t>
    <phoneticPr fontId="33" type="noConversion"/>
  </si>
  <si>
    <t>P: PoE</t>
    <phoneticPr fontId="33" type="noConversion"/>
  </si>
  <si>
    <r>
      <t xml:space="preserve">  36:</t>
    </r>
    <r>
      <rPr>
        <b/>
        <sz val="11"/>
        <color rgb="FFC00000"/>
        <rFont val="Calibri"/>
        <family val="2"/>
      </rPr>
      <t xml:space="preserve"> </t>
    </r>
    <r>
      <rPr>
        <sz val="11"/>
        <color theme="1"/>
        <rFont val="Calibri"/>
        <family val="2"/>
      </rPr>
      <t>Fixed lens Turret Dome</t>
    </r>
  </si>
  <si>
    <r>
      <t xml:space="preserve">N: </t>
    </r>
    <r>
      <rPr>
        <b/>
        <strike/>
        <sz val="11"/>
        <color rgb="FFC00000"/>
        <rFont val="Calibri"/>
        <family val="2"/>
      </rPr>
      <t>Network Module</t>
    </r>
    <r>
      <rPr>
        <b/>
        <sz val="11"/>
        <color rgb="FFC00000"/>
        <rFont val="宋体"/>
        <family val="3"/>
        <charset val="134"/>
      </rPr>
      <t>→</t>
    </r>
    <r>
      <rPr>
        <b/>
        <sz val="11"/>
        <color rgb="FFC00000"/>
        <rFont val="Calibri"/>
        <family val="2"/>
      </rPr>
      <t xml:space="preserve">No Cable </t>
    </r>
  </si>
  <si>
    <t xml:space="preserve">  363: Varifocal Turret Dome</t>
    <phoneticPr fontId="33" type="noConversion"/>
  </si>
  <si>
    <t>E: Full cable</t>
    <phoneticPr fontId="33" type="noConversion"/>
  </si>
  <si>
    <t>5: Box Camera</t>
    <phoneticPr fontId="33" type="noConversion"/>
  </si>
  <si>
    <t xml:space="preserve">M: Metal </t>
    <phoneticPr fontId="33" type="noConversion"/>
  </si>
  <si>
    <t xml:space="preserve">  54: Box Camera</t>
    <phoneticPr fontId="33" type="noConversion"/>
  </si>
  <si>
    <t xml:space="preserve">  55: Box Camera</t>
    <phoneticPr fontId="33" type="noConversion"/>
  </si>
  <si>
    <t>Lens:</t>
  </si>
  <si>
    <t>6: G1 PTZ Dome</t>
    <phoneticPr fontId="33" type="noConversion"/>
  </si>
  <si>
    <t>F?: ?/10mm Fixed lens</t>
    <phoneticPr fontId="33" type="noConversion"/>
  </si>
  <si>
    <t xml:space="preserve">  62: G2 PTZ Dome</t>
    <phoneticPr fontId="33" type="noConversion"/>
  </si>
  <si>
    <t>Z?: ?/10mm Motorized lens</t>
    <phoneticPr fontId="33" type="noConversion"/>
  </si>
  <si>
    <t xml:space="preserve">  63: 6inch Dome</t>
    <phoneticPr fontId="33" type="noConversion"/>
  </si>
  <si>
    <t>Z: Motorized lens</t>
    <phoneticPr fontId="33" type="noConversion"/>
  </si>
  <si>
    <t xml:space="preserve">  64: Mini PTZ Dome</t>
    <phoneticPr fontId="33" type="noConversion"/>
  </si>
  <si>
    <t xml:space="preserve">  68: G2 8inch Dome</t>
    <phoneticPr fontId="33" type="noConversion"/>
  </si>
  <si>
    <t>Network interface:</t>
  </si>
  <si>
    <t>7: PTZ Camera</t>
    <phoneticPr fontId="33" type="noConversion"/>
  </si>
  <si>
    <t>W: WiFi</t>
    <phoneticPr fontId="33" type="noConversion"/>
  </si>
  <si>
    <t xml:space="preserve">  74: PTZ Camera</t>
    <phoneticPr fontId="33" type="noConversion"/>
  </si>
  <si>
    <t>G: SFP slot (fiber)</t>
    <phoneticPr fontId="33" type="noConversion"/>
  </si>
  <si>
    <r>
      <t xml:space="preserve">8: </t>
    </r>
    <r>
      <rPr>
        <b/>
        <sz val="11"/>
        <color rgb="FFC00000"/>
        <rFont val="Calibri"/>
        <family val="2"/>
      </rPr>
      <t>Panoramic camera</t>
    </r>
  </si>
  <si>
    <t>Default/T: Electric port/Dual electrical port</t>
    <phoneticPr fontId="33" type="noConversion"/>
  </si>
  <si>
    <t xml:space="preserve">  81: Mini Fisheye Camera</t>
    <phoneticPr fontId="33" type="noConversion"/>
  </si>
  <si>
    <t xml:space="preserve">  82: Fisheye Camera</t>
    <phoneticPr fontId="33" type="noConversion"/>
  </si>
  <si>
    <t>Storage:</t>
    <phoneticPr fontId="33" type="noConversion"/>
  </si>
  <si>
    <t>G?/T?/K: EMMC storage capacity (G16: 16G/T1: 1T/K: SD card slot)</t>
    <phoneticPr fontId="33" type="noConversion"/>
  </si>
  <si>
    <t>NVR Naming Rule</t>
    <phoneticPr fontId="33" type="noConversion"/>
  </si>
  <si>
    <t xml:space="preserve">NVR301-08L-P8 </t>
  </si>
  <si>
    <t>01</t>
  </si>
  <si>
    <t>08</t>
  </si>
  <si>
    <t>-P8</t>
  </si>
  <si>
    <t>NVR304-16EP</t>
  </si>
  <si>
    <t>04</t>
  </si>
  <si>
    <t>16</t>
  </si>
  <si>
    <t>P</t>
  </si>
  <si>
    <r>
      <rPr>
        <b/>
        <sz val="11"/>
        <color theme="0"/>
        <rFont val="宋体"/>
        <family val="3"/>
        <charset val="134"/>
      </rPr>
      <t>②</t>
    </r>
    <r>
      <rPr>
        <b/>
        <sz val="11"/>
        <color theme="0"/>
        <rFont val="Calibri"/>
        <family val="2"/>
      </rPr>
      <t xml:space="preserve"> Series</t>
    </r>
  </si>
  <si>
    <r>
      <rPr>
        <b/>
        <sz val="11"/>
        <color theme="0"/>
        <rFont val="宋体"/>
        <family val="3"/>
        <charset val="134"/>
      </rPr>
      <t>③</t>
    </r>
    <r>
      <rPr>
        <b/>
        <sz val="11"/>
        <color theme="0"/>
        <rFont val="Calibri"/>
        <family val="2"/>
      </rPr>
      <t xml:space="preserve"> HDD</t>
    </r>
  </si>
  <si>
    <r>
      <rPr>
        <b/>
        <sz val="11"/>
        <color theme="0"/>
        <rFont val="宋体"/>
        <family val="3"/>
        <charset val="134"/>
      </rPr>
      <t>④</t>
    </r>
    <r>
      <rPr>
        <b/>
        <sz val="11"/>
        <color theme="0"/>
        <rFont val="Calibri"/>
        <family val="2"/>
      </rPr>
      <t xml:space="preserve"> Video Input</t>
    </r>
  </si>
  <si>
    <r>
      <rPr>
        <b/>
        <sz val="11"/>
        <color theme="0"/>
        <rFont val="宋体"/>
        <family val="3"/>
        <charset val="134"/>
      </rPr>
      <t>⑤T</t>
    </r>
    <r>
      <rPr>
        <b/>
        <sz val="11"/>
        <color theme="0"/>
        <rFont val="Calibri"/>
        <family val="2"/>
      </rPr>
      <t>ype</t>
    </r>
  </si>
  <si>
    <r>
      <rPr>
        <b/>
        <sz val="11"/>
        <color theme="0"/>
        <rFont val="宋体"/>
        <family val="3"/>
        <charset val="134"/>
      </rPr>
      <t>⑥</t>
    </r>
    <r>
      <rPr>
        <b/>
        <sz val="11"/>
        <color theme="0"/>
        <rFont val="Calibri"/>
        <family val="2"/>
      </rPr>
      <t xml:space="preserve"> Subtype</t>
    </r>
  </si>
  <si>
    <t>NVR: Network Video Recorder</t>
  </si>
  <si>
    <t>2: Entry Series</t>
  </si>
  <si>
    <t>01: 1 HDD</t>
  </si>
  <si>
    <t>04: 4-ch</t>
  </si>
  <si>
    <t>E  :Enhanced</t>
  </si>
  <si>
    <t>P   :PoE</t>
  </si>
  <si>
    <t>3: High-end Series</t>
  </si>
  <si>
    <t>02: 2 HDDs</t>
  </si>
  <si>
    <t>08: 8-ch</t>
  </si>
  <si>
    <t>L  :Plastic</t>
  </si>
  <si>
    <t>Px:x PoE Ports</t>
  </si>
  <si>
    <t>5: Project Series</t>
  </si>
  <si>
    <t>04: 4 HDDs</t>
  </si>
  <si>
    <t>16: 16-ch</t>
  </si>
  <si>
    <t>08: 8 HDDs</t>
  </si>
  <si>
    <t>24: 24-ch</t>
  </si>
  <si>
    <t>16: 16 HDDs</t>
  </si>
  <si>
    <t>32: 32-ch</t>
  </si>
  <si>
    <t>48: 48-ch</t>
  </si>
  <si>
    <t>64: 64-ch</t>
  </si>
  <si>
    <t>128:128-ch</t>
  </si>
  <si>
    <t>DISPLAY</t>
  </si>
  <si>
    <r>
      <rPr>
        <b/>
        <sz val="11"/>
        <color rgb="FFFFFFFF"/>
        <rFont val="宋体"/>
        <family val="2"/>
        <charset val="134"/>
      </rPr>
      <t>①</t>
    </r>
  </si>
  <si>
    <r>
      <rPr>
        <b/>
        <sz val="11"/>
        <color rgb="FFFFFFFF"/>
        <rFont val="宋体"/>
        <family val="2"/>
        <charset val="134"/>
      </rPr>
      <t>②</t>
    </r>
  </si>
  <si>
    <r>
      <rPr>
        <b/>
        <sz val="11"/>
        <color rgb="FFFFFFFF"/>
        <rFont val="宋体"/>
        <family val="2"/>
        <charset val="134"/>
      </rPr>
      <t>③</t>
    </r>
  </si>
  <si>
    <r>
      <rPr>
        <b/>
        <sz val="11"/>
        <color rgb="FFFFFFFF"/>
        <rFont val="宋体"/>
        <family val="2"/>
        <charset val="134"/>
      </rPr>
      <t>④</t>
    </r>
  </si>
  <si>
    <r>
      <rPr>
        <b/>
        <sz val="11"/>
        <color rgb="FFFFFFFF"/>
        <rFont val="宋体"/>
        <family val="2"/>
        <charset val="134"/>
      </rPr>
      <t>⑤</t>
    </r>
  </si>
  <si>
    <r>
      <rPr>
        <b/>
        <sz val="11"/>
        <color rgb="FFFFFFFF"/>
        <rFont val="宋体"/>
        <family val="2"/>
        <charset val="134"/>
      </rPr>
      <t>⑥</t>
    </r>
  </si>
  <si>
    <r>
      <rPr>
        <b/>
        <sz val="11"/>
        <color rgb="FFFFFFFF"/>
        <rFont val="宋体"/>
        <family val="2"/>
        <charset val="134"/>
      </rPr>
      <t>⑦</t>
    </r>
  </si>
  <si>
    <t>MW3232-E</t>
    <phoneticPr fontId="31" type="noConversion"/>
  </si>
  <si>
    <t>MW</t>
    <phoneticPr fontId="31" type="noConversion"/>
  </si>
  <si>
    <t>3</t>
    <phoneticPr fontId="2" type="noConversion"/>
  </si>
  <si>
    <t>2</t>
    <phoneticPr fontId="2" type="noConversion"/>
  </si>
  <si>
    <t>32</t>
    <phoneticPr fontId="2" type="noConversion"/>
  </si>
  <si>
    <t>E</t>
    <phoneticPr fontId="31" type="noConversion"/>
  </si>
  <si>
    <t>-</t>
    <phoneticPr fontId="31" type="noConversion"/>
  </si>
  <si>
    <t>MW-A46-B1</t>
    <phoneticPr fontId="31" type="noConversion"/>
  </si>
  <si>
    <t>A</t>
    <phoneticPr fontId="2" type="noConversion"/>
  </si>
  <si>
    <t>-</t>
    <phoneticPr fontId="2" type="noConversion"/>
  </si>
  <si>
    <t>46</t>
    <phoneticPr fontId="2" type="noConversion"/>
  </si>
  <si>
    <t>B1</t>
    <phoneticPr fontId="2" type="noConversion"/>
  </si>
  <si>
    <t>MW7216-E-BL-U</t>
    <phoneticPr fontId="31" type="noConversion"/>
  </si>
  <si>
    <t>7</t>
    <phoneticPr fontId="2" type="noConversion"/>
  </si>
  <si>
    <t>16</t>
    <phoneticPr fontId="2" type="noConversion"/>
  </si>
  <si>
    <t>BL</t>
    <phoneticPr fontId="31" type="noConversion"/>
  </si>
  <si>
    <t>U</t>
    <phoneticPr fontId="31" type="noConversion"/>
  </si>
  <si>
    <r>
      <rPr>
        <b/>
        <sz val="11"/>
        <color rgb="FFFFFFFF"/>
        <rFont val="宋体"/>
        <family val="2"/>
        <charset val="134"/>
      </rPr>
      <t>①</t>
    </r>
    <r>
      <rPr>
        <b/>
        <sz val="11"/>
        <color rgb="FFFFFFFF"/>
        <rFont val="Calibri"/>
        <family val="2"/>
      </rPr>
      <t xml:space="preserve"> Prouct </t>
    </r>
  </si>
  <si>
    <r>
      <rPr>
        <b/>
        <sz val="11"/>
        <color rgb="FFFFFFFF"/>
        <rFont val="宋体"/>
        <family val="2"/>
        <charset val="134"/>
      </rPr>
      <t>②</t>
    </r>
    <r>
      <rPr>
        <b/>
        <sz val="11"/>
        <color rgb="FFFFFFFF"/>
        <rFont val="Calibri"/>
        <family val="2"/>
      </rPr>
      <t xml:space="preserve"> Product Type</t>
    </r>
  </si>
  <si>
    <r>
      <rPr>
        <b/>
        <sz val="11"/>
        <color rgb="FFFFFFFF"/>
        <rFont val="宋体"/>
        <family val="2"/>
        <charset val="134"/>
      </rPr>
      <t>③</t>
    </r>
    <r>
      <rPr>
        <b/>
        <sz val="11"/>
        <color rgb="FFFFFFFF"/>
        <rFont val="Calibri"/>
        <family val="2"/>
      </rPr>
      <t xml:space="preserve"> Pixel Pitch</t>
    </r>
  </si>
  <si>
    <r>
      <rPr>
        <b/>
        <sz val="11"/>
        <color rgb="FFFFFFFF"/>
        <rFont val="宋体"/>
        <family val="2"/>
        <charset val="134"/>
      </rPr>
      <t>④</t>
    </r>
    <r>
      <rPr>
        <b/>
        <sz val="11"/>
        <color rgb="FFFFFFFF"/>
        <rFont val="Calibri"/>
        <family val="2"/>
      </rPr>
      <t xml:space="preserve"> Screen Size</t>
    </r>
  </si>
  <si>
    <r>
      <rPr>
        <b/>
        <sz val="11"/>
        <color rgb="FFFFFFFF"/>
        <rFont val="宋体"/>
        <family val="2"/>
        <charset val="134"/>
      </rPr>
      <t>⑤</t>
    </r>
    <r>
      <rPr>
        <b/>
        <sz val="11"/>
        <color rgb="FFFFFFFF"/>
        <rFont val="Calibri"/>
        <family val="2"/>
      </rPr>
      <t xml:space="preserve"> Series</t>
    </r>
  </si>
  <si>
    <r>
      <rPr>
        <b/>
        <sz val="11"/>
        <color rgb="FFFFFFFF"/>
        <rFont val="宋体"/>
        <family val="2"/>
        <charset val="134"/>
      </rPr>
      <t>⑥</t>
    </r>
    <r>
      <rPr>
        <b/>
        <sz val="11"/>
        <color rgb="FFFFFFFF"/>
        <rFont val="Calibri"/>
        <family val="2"/>
      </rPr>
      <t xml:space="preserve"> Others</t>
    </r>
  </si>
  <si>
    <r>
      <rPr>
        <b/>
        <sz val="11"/>
        <color rgb="FFFFFFFF"/>
        <rFont val="宋体"/>
        <family val="2"/>
        <charset val="134"/>
      </rPr>
      <t>⑦</t>
    </r>
    <r>
      <rPr>
        <b/>
        <sz val="11"/>
        <color rgb="FFFFFFFF"/>
        <rFont val="Calibri"/>
        <family val="2"/>
      </rPr>
      <t xml:space="preserve"> Others:</t>
    </r>
  </si>
  <si>
    <t>MW: Media Wall</t>
    <phoneticPr fontId="2" type="noConversion"/>
  </si>
  <si>
    <t>A: LCD Video Wall</t>
    <phoneticPr fontId="31" type="noConversion"/>
  </si>
  <si>
    <t>2: Pixel pitch &lt; 2.5mm</t>
    <phoneticPr fontId="31" type="noConversion"/>
  </si>
  <si>
    <t>19: 19 inch</t>
    <phoneticPr fontId="31" type="noConversion"/>
  </si>
  <si>
    <t>E: Metal housing</t>
    <phoneticPr fontId="2" type="noConversion"/>
  </si>
  <si>
    <t>B1: BOE Panel</t>
    <phoneticPr fontId="2" type="noConversion"/>
  </si>
  <si>
    <t>UNV Development(LED)</t>
    <phoneticPr fontId="2" type="noConversion"/>
  </si>
  <si>
    <t>3: Monitor</t>
    <phoneticPr fontId="31" type="noConversion"/>
  </si>
  <si>
    <t>3: Pixel pitch &gt; 2.5mm</t>
    <phoneticPr fontId="31" type="noConversion"/>
  </si>
  <si>
    <t>22: 22 inch</t>
    <phoneticPr fontId="31" type="noConversion"/>
  </si>
  <si>
    <t>V: Plastic housing</t>
    <phoneticPr fontId="2" type="noConversion"/>
  </si>
  <si>
    <t>BL: Nationstar Copper</t>
    <phoneticPr fontId="2" type="noConversion"/>
  </si>
  <si>
    <t>7: LED Display</t>
    <phoneticPr fontId="31" type="noConversion"/>
  </si>
  <si>
    <t>5: Outdoor</t>
    <phoneticPr fontId="31" type="noConversion"/>
  </si>
  <si>
    <t>32: 32 inch</t>
    <phoneticPr fontId="31" type="noConversion"/>
  </si>
  <si>
    <t>E: E Series(LED)</t>
    <phoneticPr fontId="2" type="noConversion"/>
  </si>
  <si>
    <t>DL: Xindeco Copper</t>
    <phoneticPr fontId="2" type="noConversion"/>
  </si>
  <si>
    <t>43: 43 inch</t>
    <phoneticPr fontId="31" type="noConversion"/>
  </si>
  <si>
    <t>F: 4K Series</t>
    <phoneticPr fontId="2" type="noConversion"/>
  </si>
  <si>
    <t>NA: Nationstar Gold(LED)</t>
    <phoneticPr fontId="2" type="noConversion"/>
  </si>
  <si>
    <t>46: 46 inch</t>
    <phoneticPr fontId="2" type="noConversion"/>
  </si>
  <si>
    <t>49: 49 inch</t>
    <phoneticPr fontId="2" type="noConversion"/>
  </si>
  <si>
    <t>55: 55 inch</t>
    <phoneticPr fontId="2" type="noConversion"/>
  </si>
  <si>
    <t>12: 1.2mm pixel pitch</t>
    <phoneticPr fontId="2" type="noConversion"/>
  </si>
  <si>
    <t>14: 1.4mm pixel pitch</t>
    <phoneticPr fontId="2" type="noConversion"/>
  </si>
  <si>
    <t>15: 1.5mm pixel pitch</t>
    <phoneticPr fontId="2" type="noConversion"/>
  </si>
  <si>
    <t>16: 1.6mm pixel pitch</t>
    <phoneticPr fontId="2" type="noConversion"/>
  </si>
  <si>
    <t>18: 1.8mm pixel pitch</t>
    <phoneticPr fontId="2" type="noConversion"/>
  </si>
  <si>
    <t>25: 2.5mm pixel pitch</t>
    <phoneticPr fontId="2" type="noConversion"/>
  </si>
  <si>
    <t>DC5509</t>
    <phoneticPr fontId="31" type="noConversion"/>
  </si>
  <si>
    <t>DC</t>
    <phoneticPr fontId="31" type="noConversion"/>
  </si>
  <si>
    <t>5</t>
    <phoneticPr fontId="2" type="noConversion"/>
  </si>
  <si>
    <t>09</t>
    <phoneticPr fontId="2" type="noConversion"/>
  </si>
  <si>
    <t>DC5301</t>
    <phoneticPr fontId="31" type="noConversion"/>
  </si>
  <si>
    <t>01</t>
    <phoneticPr fontId="2" type="noConversion"/>
  </si>
  <si>
    <t>ADU8612-E</t>
    <phoneticPr fontId="31" type="noConversion"/>
  </si>
  <si>
    <t>ADU</t>
    <phoneticPr fontId="2" type="noConversion"/>
  </si>
  <si>
    <t>8</t>
    <phoneticPr fontId="2" type="noConversion"/>
  </si>
  <si>
    <t>6</t>
    <phoneticPr fontId="2" type="noConversion"/>
  </si>
  <si>
    <t>12</t>
    <phoneticPr fontId="2" type="noConversion"/>
  </si>
  <si>
    <t>E</t>
    <phoneticPr fontId="2" type="noConversion"/>
  </si>
  <si>
    <t>DMC8000-3U</t>
    <phoneticPr fontId="31" type="noConversion"/>
  </si>
  <si>
    <t>DMC</t>
    <phoneticPr fontId="31" type="noConversion"/>
  </si>
  <si>
    <t>0</t>
    <phoneticPr fontId="2" type="noConversion"/>
  </si>
  <si>
    <t>00</t>
    <phoneticPr fontId="2" type="noConversion"/>
  </si>
  <si>
    <t>3U</t>
    <phoneticPr fontId="2" type="noConversion"/>
  </si>
  <si>
    <r>
      <rPr>
        <b/>
        <sz val="11"/>
        <color rgb="FFFFFFFF"/>
        <rFont val="宋体"/>
        <family val="2"/>
        <charset val="134"/>
      </rPr>
      <t>②</t>
    </r>
    <r>
      <rPr>
        <b/>
        <sz val="11"/>
        <color rgb="FFFFFFFF"/>
        <rFont val="Calibri"/>
        <family val="2"/>
      </rPr>
      <t xml:space="preserve"> Market</t>
    </r>
  </si>
  <si>
    <t>③Series</t>
    <phoneticPr fontId="31" type="noConversion"/>
  </si>
  <si>
    <r>
      <rPr>
        <b/>
        <sz val="11"/>
        <color rgb="FFFFFFFF"/>
        <rFont val="宋体"/>
        <family val="2"/>
        <charset val="134"/>
      </rPr>
      <t>④</t>
    </r>
    <r>
      <rPr>
        <b/>
        <sz val="11"/>
        <color rgb="FFFFFFFF"/>
        <rFont val="Calibri"/>
        <family val="2"/>
      </rPr>
      <t xml:space="preserve"> Output channels</t>
    </r>
  </si>
  <si>
    <r>
      <rPr>
        <b/>
        <sz val="11"/>
        <color rgb="FFFFFFFF"/>
        <rFont val="宋体"/>
        <family val="2"/>
        <charset val="134"/>
      </rPr>
      <t>⑤</t>
    </r>
    <r>
      <rPr>
        <b/>
        <sz val="11"/>
        <color rgb="FFFFFFFF"/>
        <rFont val="Calibri"/>
        <family val="2"/>
      </rPr>
      <t xml:space="preserve"> Others</t>
    </r>
  </si>
  <si>
    <r>
      <t>⑥</t>
    </r>
    <r>
      <rPr>
        <b/>
        <sz val="11"/>
        <color rgb="FFFFFFFF"/>
        <rFont val="Calibri"/>
        <family val="2"/>
      </rPr>
      <t xml:space="preserve"> Reserved</t>
    </r>
  </si>
  <si>
    <r>
      <rPr>
        <b/>
        <sz val="11"/>
        <color rgb="FFFFFFFF"/>
        <rFont val="宋体"/>
        <family val="2"/>
        <charset val="134"/>
      </rPr>
      <t>⑦</t>
    </r>
    <r>
      <rPr>
        <b/>
        <sz val="11"/>
        <color rgb="FFFFFFFF"/>
        <rFont val="Calibri"/>
        <family val="2"/>
      </rPr>
      <t xml:space="preserve"> Reserved</t>
    </r>
  </si>
  <si>
    <t>DC: Decoder Controller</t>
    <phoneticPr fontId="31" type="noConversion"/>
  </si>
  <si>
    <t>5: Mid-low end</t>
    <phoneticPr fontId="2" type="noConversion"/>
  </si>
  <si>
    <t>0: First generation(DMC)</t>
    <phoneticPr fontId="2" type="noConversion"/>
  </si>
  <si>
    <t>01: 1-ch output</t>
    <phoneticPr fontId="2" type="noConversion"/>
  </si>
  <si>
    <t>E: Enhanced</t>
    <phoneticPr fontId="2" type="noConversion"/>
  </si>
  <si>
    <t>ADU: All Display Unit</t>
    <phoneticPr fontId="2" type="noConversion"/>
  </si>
  <si>
    <t xml:space="preserve">8: High end </t>
    <phoneticPr fontId="2" type="noConversion"/>
  </si>
  <si>
    <t>6: High performance(ADU)</t>
    <phoneticPr fontId="2" type="noConversion"/>
  </si>
  <si>
    <t>06: 6-ch output</t>
    <phoneticPr fontId="2" type="noConversion"/>
  </si>
  <si>
    <t>3U: 3U Case</t>
    <phoneticPr fontId="2" type="noConversion"/>
  </si>
  <si>
    <t>DMC: Digital Media Controller</t>
    <phoneticPr fontId="2" type="noConversion"/>
  </si>
  <si>
    <t>5: 5 Series(DC)</t>
    <phoneticPr fontId="2" type="noConversion"/>
  </si>
  <si>
    <t>09: 9-ch output</t>
    <phoneticPr fontId="2" type="noConversion"/>
  </si>
  <si>
    <t>5U: 5U Case</t>
    <phoneticPr fontId="2" type="noConversion"/>
  </si>
  <si>
    <t>3: 3 Series(DC)</t>
    <phoneticPr fontId="2" type="noConversion"/>
  </si>
  <si>
    <t>12: 12-ch output</t>
    <phoneticPr fontId="2" type="noConversion"/>
  </si>
  <si>
    <t>00: output channels optional</t>
    <phoneticPr fontId="2" type="noConversion"/>
  </si>
  <si>
    <t>OLD</t>
  </si>
  <si>
    <t>①</t>
  </si>
  <si>
    <t>②</t>
  </si>
  <si>
    <r>
      <rPr>
        <b/>
        <sz val="11"/>
        <color theme="0"/>
        <rFont val="Calibri"/>
        <family val="2"/>
        <scheme val="minor"/>
      </rPr>
      <t>③</t>
    </r>
  </si>
  <si>
    <r>
      <rPr>
        <b/>
        <sz val="11"/>
        <color theme="0"/>
        <rFont val="Calibri"/>
        <family val="2"/>
        <scheme val="minor"/>
      </rPr>
      <t>④</t>
    </r>
  </si>
  <si>
    <r>
      <rPr>
        <b/>
        <sz val="11"/>
        <color theme="0"/>
        <rFont val="Calibri"/>
        <family val="2"/>
        <scheme val="minor"/>
      </rPr>
      <t>⑤</t>
    </r>
  </si>
  <si>
    <r>
      <rPr>
        <b/>
        <sz val="11"/>
        <color theme="0"/>
        <rFont val="Calibri"/>
        <family val="2"/>
        <scheme val="minor"/>
      </rPr>
      <t>⑥</t>
    </r>
  </si>
  <si>
    <r>
      <rPr>
        <b/>
        <sz val="11"/>
        <color theme="0"/>
        <rFont val="Calibri"/>
        <family val="2"/>
        <scheme val="minor"/>
      </rPr>
      <t>⑦</t>
    </r>
  </si>
  <si>
    <t>⑧</t>
  </si>
  <si>
    <t>D</t>
  </si>
  <si>
    <t>IPC2122SR3-UPF40-C</t>
  </si>
  <si>
    <t>UPF40</t>
  </si>
  <si>
    <t>C</t>
  </si>
  <si>
    <t>DVZ</t>
  </si>
  <si>
    <t>IPC322ER3-DUVPF40-C</t>
  </si>
  <si>
    <t>DUVPF40</t>
  </si>
  <si>
    <t>R9</t>
  </si>
  <si>
    <t>X10DU</t>
  </si>
  <si>
    <t>IPC6322LR-X22-C</t>
  </si>
  <si>
    <t>R</t>
  </si>
  <si>
    <t>X22</t>
  </si>
  <si>
    <t>Описание продукта</t>
  </si>
  <si>
    <t xml:space="preserve">① Продукт / Product </t>
  </si>
  <si>
    <t>② Тип корпуса / Type</t>
  </si>
  <si>
    <t>③ Заводская классификация</t>
  </si>
  <si>
    <t>④ Разрешение / Resolution</t>
  </si>
  <si>
    <t>⑤ Платформа</t>
  </si>
  <si>
    <t>⑥ Тип подсветки</t>
  </si>
  <si>
    <t>⑦ Функционал продукта / Product function:</t>
  </si>
  <si>
    <t>⑧ Итерация микросхемы / Chip iteration</t>
  </si>
  <si>
    <t>IPC: Сетевая видеокамера / Network Camera</t>
  </si>
  <si>
    <t>2: Цилиндрическая / Bullet</t>
  </si>
  <si>
    <t>1: Entry level</t>
  </si>
  <si>
    <t>2: 2Мп</t>
  </si>
  <si>
    <t>L: Простая / Lite (серия Easy)</t>
  </si>
  <si>
    <t>R: Инфракрасная подсветка (ИК)</t>
  </si>
  <si>
    <t>None: first</t>
  </si>
  <si>
    <t>21: Мини цилиндрическая с фикс.объективом / Mini Bullet Fixed lens</t>
  </si>
  <si>
    <t>2/3: Mid-range</t>
  </si>
  <si>
    <t>3: 3Мп</t>
  </si>
  <si>
    <t>S: Стандартная / Standard (серия Prime/Pro)</t>
  </si>
  <si>
    <t>R: ИК 10-20м</t>
  </si>
  <si>
    <t>X22: 22x кратное оптическое увеличение / 22x Optical Zoom</t>
  </si>
  <si>
    <t>B: second</t>
  </si>
  <si>
    <t>22: Цилиндрическая с фикс.объективом / Bullet Fixed lens</t>
  </si>
  <si>
    <t>5/6: High</t>
  </si>
  <si>
    <t>4: 4Мп</t>
  </si>
  <si>
    <t>E: Улучшенная / Enhanced (серия Prime/Pro)</t>
  </si>
  <si>
    <t>R3: ИК 30-40м</t>
  </si>
  <si>
    <t>H: 60fps</t>
  </si>
  <si>
    <t>C: third</t>
  </si>
  <si>
    <t>23: Цилиндрическая с вариофокальным объективом / Bullet Varifocal / Motorized</t>
  </si>
  <si>
    <t>5: 5Мп</t>
  </si>
  <si>
    <t>R5: ИК 50-60м</t>
  </si>
  <si>
    <t>A: Mic</t>
  </si>
  <si>
    <t>D: fourth</t>
  </si>
  <si>
    <t>25: Цилиндрическая с 8ми дюймовым корпусом / Bullet 8"</t>
  </si>
  <si>
    <t>8: 8Мп /12Мп</t>
  </si>
  <si>
    <t>R9: ИК 90м</t>
  </si>
  <si>
    <t>D: True / Hardware WDR</t>
  </si>
  <si>
    <t>26: Цилиндрическая с 6ти дюймовым корпусом / Bullet 6"</t>
  </si>
  <si>
    <t>RA: ИК 100м</t>
  </si>
  <si>
    <t>L: Low-light</t>
  </si>
  <si>
    <t>3: Купольная / Dome</t>
  </si>
  <si>
    <t>L: Лазерная подсветка / IR LASER</t>
  </si>
  <si>
    <t>U: Starview (Ultra Low-light)</t>
  </si>
  <si>
    <t>31: Мини купольная / Mini Dome</t>
  </si>
  <si>
    <t>FW: Полный спектр белого цвета с интелектуальной ИК</t>
  </si>
  <si>
    <t>IA: Smart (Intelligent Analysis)</t>
  </si>
  <si>
    <t>32: Купольная / Dome</t>
  </si>
  <si>
    <t>CM: Corridor Mode</t>
  </si>
  <si>
    <t>36: Купольная турель типа / Turret Dome</t>
  </si>
  <si>
    <t>5: Корпусные видеокамеры / Box Camera</t>
  </si>
  <si>
    <t>Выводится из названия</t>
  </si>
  <si>
    <t>V: Vandal-resistent</t>
  </si>
  <si>
    <t>54: Корпусные  видеокамеры серии Prime / Box Camera Prime Серия</t>
  </si>
  <si>
    <t>B: Кронштей / Bracket (выводится, так как все цилиндрические камеры в ассортименте идут с кронштейном</t>
  </si>
  <si>
    <t>S: Simplified cable (only power and Network)</t>
  </si>
  <si>
    <t>56: Корпусные  видеокамеры серии Pro / Box Camera Pro Серия</t>
  </si>
  <si>
    <t>P: PoE</t>
  </si>
  <si>
    <t>6: Скоростные PTZ  видеокамеры / PTZ Dome</t>
  </si>
  <si>
    <t>N: Network Module</t>
  </si>
  <si>
    <t>62: PTZ Dome</t>
  </si>
  <si>
    <t>Объективы / Lens:</t>
  </si>
  <si>
    <t>63: Mini PTZ Dome</t>
  </si>
  <si>
    <t>F28: фиксированный объектив: 2,8мм</t>
  </si>
  <si>
    <t>68: PTZ Dome 8"</t>
  </si>
  <si>
    <t>F40: фиксированный объектив: 4мм / 4mm Fixed lens</t>
  </si>
  <si>
    <t>7: PTZ Positionar Bulet Camera</t>
  </si>
  <si>
    <t>F60: фиксированный объектив: 6мм</t>
  </si>
  <si>
    <t>74: PTZ Bulet</t>
  </si>
  <si>
    <t>Z: моторизированный объектив</t>
  </si>
  <si>
    <t>8: Panoramic Camera</t>
  </si>
  <si>
    <t>Z28: моторизированный объектив: 2,8-12мм</t>
  </si>
  <si>
    <r>
      <t xml:space="preserve">81: Fisheye (180°) Camera </t>
    </r>
    <r>
      <rPr>
        <b/>
        <sz val="11"/>
        <color theme="1"/>
        <rFont val="Calibri"/>
        <family val="2"/>
        <scheme val="minor"/>
      </rPr>
      <t>4Мп</t>
    </r>
  </si>
  <si>
    <r>
      <t xml:space="preserve">86: Fisheye (360°) Camera </t>
    </r>
    <r>
      <rPr>
        <b/>
        <sz val="11"/>
        <color theme="1"/>
        <rFont val="Calibri"/>
        <family val="2"/>
        <scheme val="minor"/>
      </rPr>
      <t>12Мп</t>
    </r>
  </si>
  <si>
    <t>W: WiFi</t>
  </si>
  <si>
    <t>G: SFP slot (fiber) / оптика</t>
  </si>
  <si>
    <t>0: Pinhole/cube</t>
  </si>
  <si>
    <t>M: Metal base</t>
  </si>
  <si>
    <t>1: Module(Zoom camera)</t>
  </si>
  <si>
    <t>32G: встроенная память 32Гб eMMC</t>
  </si>
  <si>
    <r>
      <rPr>
        <b/>
        <sz val="11"/>
        <color theme="0"/>
        <rFont val="Calibri"/>
        <family val="2"/>
        <scheme val="minor"/>
      </rPr>
      <t>②</t>
    </r>
  </si>
  <si>
    <t>② Серия / Series</t>
  </si>
  <si>
    <t>③ HDD</t>
  </si>
  <si>
    <t>④ Видео вход / Video Input</t>
  </si>
  <si>
    <t>⑤ Тип</t>
  </si>
  <si>
    <t>⑥  Подтип / Subtype</t>
  </si>
  <si>
    <t>04: 4-х канальный / 4-ch</t>
  </si>
  <si>
    <t>L : Пластиковый</t>
  </si>
  <si>
    <t>08: 8-ми канальный / 8-ch</t>
  </si>
  <si>
    <t>B: Базовый</t>
  </si>
  <si>
    <t>Px: число PoE портов</t>
  </si>
  <si>
    <t>16: 16-ти канальный / 16-ch</t>
  </si>
  <si>
    <t>S: Стандартный</t>
  </si>
  <si>
    <t>B</t>
  </si>
  <si>
    <t>24: 24-х канальный / 24-ch</t>
  </si>
  <si>
    <t>E : Улучшенный корпус / Enhanced</t>
  </si>
  <si>
    <t>N</t>
  </si>
  <si>
    <t>32: 32-х канальный / 32-ch</t>
  </si>
  <si>
    <t>P: наличие PoE</t>
  </si>
  <si>
    <t>48: 48-ми канальный / 48-ch</t>
  </si>
  <si>
    <t>64: 64-х канальный / 64-ch</t>
  </si>
  <si>
    <t>128: 128-ми канальный / 128-ch</t>
  </si>
  <si>
    <t>U</t>
  </si>
  <si>
    <t>Q</t>
  </si>
  <si>
    <t>IPC323LR3-VSPF28-F-RU</t>
  </si>
  <si>
    <t>IPC323LR3-VSPF40-F-RU</t>
  </si>
  <si>
    <t>IPC3613LR3-PF28-F-RU</t>
  </si>
  <si>
    <t>IPC3613LR3-PF40-F-RU</t>
  </si>
  <si>
    <t>IPC744SR5-PF40-32G-RU</t>
  </si>
  <si>
    <t>IPC744SR5-PF60-32G-RU</t>
  </si>
  <si>
    <t>IPC354SR3-ADNPF28-F-RU</t>
  </si>
  <si>
    <t>IPC742SR9-PZ30-32G-RU</t>
  </si>
  <si>
    <t>IPC3534SR3-DVNPZ-F-RU</t>
  </si>
  <si>
    <t>NVR304-16S-RU</t>
  </si>
  <si>
    <t>IPC868ER-VF18-B-RU</t>
  </si>
  <si>
    <t>IPC8542ER5-DUG-RU</t>
  </si>
  <si>
    <t>IPC6858SR-X38UP-VC-RU</t>
  </si>
  <si>
    <t>IPC6854SR-X38UP-VC-RU</t>
  </si>
  <si>
    <t>IPC6222E-X33UP-RU</t>
  </si>
  <si>
    <t>IPC7622ER-X44U-RU</t>
  </si>
  <si>
    <t>IPC7622EL-X55UG-RU</t>
  </si>
  <si>
    <t>NVR516-64-RU</t>
  </si>
  <si>
    <t>NVR516-128-RU</t>
  </si>
  <si>
    <t>IPC268EA-DZK</t>
  </si>
  <si>
    <t>IPC268EA-DZK-RU</t>
  </si>
  <si>
    <t>Новинка</t>
  </si>
  <si>
    <t>IPC3238EA-DZK</t>
  </si>
  <si>
    <t>OET-213H-BTM32</t>
  </si>
  <si>
    <t>Модель</t>
  </si>
  <si>
    <t>Описание</t>
  </si>
  <si>
    <t>OET-213H-BTS1</t>
  </si>
  <si>
    <t>TIC600</t>
  </si>
  <si>
    <t>CW180</t>
  </si>
  <si>
    <t>IPC6222EI-X33UP</t>
  </si>
  <si>
    <t>IPC6222EI-X33UP-RU</t>
  </si>
  <si>
    <t>MIC</t>
  </si>
  <si>
    <t>Наименование</t>
  </si>
  <si>
    <t>IPC3234EA-HDZK</t>
  </si>
  <si>
    <t>IPC3234EA-HDZK-RU</t>
  </si>
  <si>
    <t>IPC264EA-HDZK</t>
  </si>
  <si>
    <t>IPC264EA-HDZK-RU</t>
  </si>
  <si>
    <t>VMS-B180-A-RU</t>
  </si>
  <si>
    <t>Unicorn-RU</t>
  </si>
  <si>
    <t>VMS-B800-A-RU</t>
  </si>
  <si>
    <t>DDP RUB (с НДС)</t>
  </si>
  <si>
    <t>Product Line</t>
  </si>
  <si>
    <t>Наименование (предыдущее)</t>
  </si>
  <si>
    <t>РРЦ Руб. (с НДС)</t>
  </si>
  <si>
    <t>OET-213H-BTS1 +  EP-S31-W</t>
  </si>
  <si>
    <t>OET-213H-BTM32 +  EP-S31-W</t>
  </si>
  <si>
    <t>Комплект: терминал OET-213H-BTS1 +  EP-S31-W (Подставка для напольного размещения)</t>
  </si>
  <si>
    <t>Комплект: терминал OET-213H-BTM32 + подставка EP-S31-W(Подставка для напольного размещения)</t>
  </si>
  <si>
    <t>Терминал распознавания лиц с бесконтактным определения температуры по лбу
Operation System  Linux
Face Recognition Accuracy Rate &gt;99%
Face Recognition Time 200ms
Face Capacity 10,000
Card Capacity 100,000
Storage Capacity 4GB
Event Capacity 8,000 (with images)
Measurement Range 30℃ - 45℃
Measurement Accuracy 0.1℃
Measurement Deviation ≤0.3℃
Measurement Distance 1m
Authentication Mode Face Whitelist∶ (1∶ N)
 Card:(1:N)
 Face +Body temperature
 Mask Detection
Door Opening Method  Face, Password, QR code, Card 
Communication Mode 10/100Mbps adaptive network port
Card Type Mifare 1 Card
User Management Support user library addition, deletion, update
Record Management Support local recording and real-time upload
Interface LAN×1, Wiegand Input×1, Wiegand Output×1, RS485×1, Alarm Input×2, Alarm Output×1, USB2.0×1, Lock×1, Door Contact ×1, Exit Button×1
Power Supply Input 12V±25% DC
Screen Touch Screen, Size:7 inch, Resolution: 600×1024
Camera Dual Lens, 2MP, 1080P
Supplement Light LED soft light and infrared light
Dimensions (L×W×H) For terminal : 134.0mm×33.0mm×305.0mm
Working Environment For terminal: -20℃-65℃, Relative Humidly&lt;95% (non-condensing) 
For module：15℃-30℃
Protection Level Both terminal and module: IP 54
Application Situation Indoor, No wind</t>
  </si>
  <si>
    <t>Интегрированная система измерения температуры по запястью руки
Ключевые особенности
• Автоматическое измерение температуры, непрерывное отображение 24/7
• Точное измерение температуры
• Поддержка голосовой связи, сигналов тревоги в режиме реального времени на людей с повышенной температурой
• Снимок человеческого лица в реальном времени во время измерения температуры
• Поддержка напоминаний отсутствия медицинской маски
• Поддержка статистики в реальном времени: общего количества измерений температуры, числа людей с нормальной и повышенной температурой
• Поддержка экспорта отчета об измерении температуры
• Приложение (APP) может получать сигнал тревоги о ненормальной температуре тела, а также может просматривать снимок лица и температуру
• Снижение затрат на рабочую силу
Стандартная конфигурация
1. IPC (Камера)
2. NVR (Регистратор)
3. Монитор
4. Модуль измерения температуры
5. Подставка
Система также включают в себя мышь, адаптер питания.
Product value
Осуществление функции быстрого скрининга температуры в аэропортах, портах, высокоскоростных железнодорожных станциях, станциях пассажирского транспорта, правительственных зданиях, финансовых учреждениях, больницах, торговых центрах, больших промышленных парках и в других местах с большим количеством посещений для эффективного избегания перекрестной инфекции
Параметр Описание Интегрированная система измерения температуры по запястью руки
Камера Разрешение 1920*1080
 Объектив 4.0 мм.
 Угол обзора (по гор.) 86.5°
 WDR (динамический диапазон) 120dB
Измерение температуры Диапазон измерений 35℃~42℃
 Погрешность ≤0.3℃
 Расстояние измерения 1 ~ 2.5 см.
Монитор Размер 31.55 дюймов
 Разрешение монитора 1920*1080
 Размеры, мм 725.2（Ш）×425.8（В）×49.5（Г）
Функции Тревоги Сигнал тревоги в режиме реальном времени при аномальной температуре тела
 Снимки Поддержка моментального снимка человеческого лица в реальном времени с измерением температуры
 Отображение температуры Отображение в режиме реального времени 
 Подсчет людей Статистика в режиме реального времени количества людей с нормальной и аномальной температурой тела
 Обнаружение масок  Поддерживает напоминание об отсутствующей маске
 Связь с приложением (APP) Получение сигналов тревоги об аномальной температуре тела
 Экспорт данных Экспорт данных об измерениях температуры
Основное Питание DC 48V
 Рабочая температура 10°C ~ 45°C</t>
  </si>
  <si>
    <t xml:space="preserve">Комплект тепловизионной камеры с черным телом для определения температуры (Body Temperature Fast Screening System)
Тип датчика Неохлаждаемый микробалометр
Размер пикселя 25μm
Максимальное разрешение 384*288
Частота кадров До 25 кадров/сек.
NETD ≤60mk
Длинна волны 8~14μm
Фокусное расстояние 18mm
Диафрагма F1.0
Угол обзора (г*в)
25°*19°
Расстояние детекции
3~10 метров
Камера видимого спектра
Матрица
1/1.8"，progressive scan，CMOS
Фокусировка
Ручная
Диафрагма
Макс. F1.6
Минимальная освещённость
Цвет: 0.001 лк. (F1.6, AGC вкл.)
Ч/б: 0.0002 лк. (F1.6, AGC вкл.)
Отношение сигнал/шум
＞52dB
Антитуман
Оптический и цифровой
День/Ночь
Автоматически переключаемый ИК-фильтр (ICR)
Разрешение видео и частота кадров
1920*1080, До 30 кадров/сек
Динамический диапазон
120dB
OSD
До 8
Карта памяти
Micro SD, до 256GB
Технология ANR
Поддерживается
Сетевые протоколы
IPv4, IGMP, ICMP, ARP, TCP, UDP, DHCP, PPPoE, RTP, RTSP, RTCP, DNS, DDNS, NTP, FTP, UPnP, HTTP, HTTPS, SMTP, 802.1x, SNMP, QoS
Объектив
3.8~16mm
Черное тело
Точность
±0.2℃
Стабильность
±(0.1~0.2)℃/30min
Размеры
135mm x 135mm x150mm
Питание
220V AC 50Hz
Потребляемая мощность
60 Ватт
Зона излучения
φ70 мм.
Основное
Измерение температуры
Диапазон окружающей среды
16°C~32°C
Целевой диапазон температур
32°C~42°C
Точность измерения температуры
≤±0.3℃
Интерфейсы
ИК часть
Авиационный разъём
Сетевой интерфейс
RJ45
Питание
Напряжение питания
DC12V
Потребляемая мощность
≤15 Вт.
Вес
ИК часть
&lt;5 кг.
Черное тело
&lt;3.5 кг.
Функции
Тревоги
Сигналы тревоги при превышении температуры с захватом картинки
Захват
Захват при срабатывании сигнализации
Отображение температуры
Одновременное отображение температуры в инфракрасном и видимом спектрах на изображениях
Коррекция температуры тела и поверхности
Поддержка автоматической калибровки температуры
Окружающая среда
Влажность воздуха
≤90% отн. (без конденсации)
Примечание
Требования к рабочей станции
CPU I5 или выше/ память 8G. Win10, 64-bit., Network port.
</t>
  </si>
  <si>
    <t>Терминал контроля доступа c распознаванием лиц и цифровым модулем измерения температуры с бесконтактным определения температуры по запястью 
Параметр Описание
OS Linux
Точность распознавания &gt;99%
Время распознавания 200ms
Ёмкость лиц 10,000
Поддержка карт доступа 100,000
Хранение данных 4GB
Число событий 30,000 (с изображениями)
Диапазон температуры измерения 30℃ - 45℃
Дискретность 0.1℃
Точность измерения ≤±0.5℃
Расстояние измерения 1cm-2.5cm
Методы аутентификации Белый список базы данных
Карта считывания
Лицо + Температура
Управление дверью
Лицо, пароль, QR код, карта доступа
Сеть 10/100Mbps
Карта считывания Mifare 1
Управление пользователями
Поддержка добавления, удаления и обновления пользовательских библиотек
Управление записью
Поддержка локальной записи и загрузки в режиме реального времени
Интерфейсы
LAN×1, Wiegand Input×1, Wiegand Output×1, RS485×1, Alarm Input×2, Alarm Output×1, USB2.0×1, Lock×1, Door Contact ×1, Exit Button×1
Питание 12V±25% DC
Экран Touch Screen:7 дюймов, разрешение: 600×1024
Камера Сдвоенная, 2MP, 1080P
Дополнительный свет LED мягкий свет и инфракрасный свет
Размеры (L×W×H) Терминал: 134.0mm×33.0mm×305.0mm
Рабочая температура Терминал: −20℃~+65℃, влажность&lt;95% (без конденсации)
Степень пыле-влагозащиты Терминал и модуль: IP 54
Применение Внутреннее</t>
  </si>
  <si>
    <t>Скоростные PTZ  тепловизионные гибридные видеокамеры</t>
  </si>
  <si>
    <t>IPC3232SA-DZK</t>
  </si>
  <si>
    <t>IPC3232SA-DZK-RU</t>
  </si>
  <si>
    <t>IPC3632SA-ADZK-RU</t>
  </si>
  <si>
    <t>IPC3632SA-ADZK</t>
  </si>
  <si>
    <t>IPC2A22SA-DZK</t>
  </si>
  <si>
    <t>IPC2A22SA-DZK-RU</t>
  </si>
  <si>
    <t xml:space="preserve">Видеокамера IP Купольная антивандальная 3 Мп с ИК подсветкой до 30м, 1/2.7" CMOS, ICR,2304x1296:20fps, Ultra 265/H.264/MJPEG, Triple stream,   DC12V &amp; PoE,Fixed lens (2.8mm,4.0mm), IR range: up to 30m,2-Axis </t>
  </si>
  <si>
    <t>Видеокамера IP Купольная 3 Мп с ИК подсветкой до 30м, 1/2.7" CMOS, ICR,2304x1296:20fps, Ultra 265/H.264/MJPEG, Triple stream,   DC12V &amp; PoE,  Fixed lens (2.8mm,4mm), IR range: up to 30m, 3-Axis</t>
  </si>
  <si>
    <t>Видеокамера IP Купольная 4 Мп с ИК подсветкой до 30 м., фикс.  объектив 2,8мм. UNV 4MP Network Fixed Dome(2,8mm,WDR,30m IR,SD Slot,3 Axis,PoE,H.265,Audio,Alarm) 1/3" CMOS, ICR, 4MP (2592*1520), Max 30fps; 4MP (2560*1440), Max 30fps; 3MP (2048*1520), Max 30fps;1080P (1920*1080), Max 30fps; Ultra 265/H.264/MJPEG, Triple streams ,DC12V &amp; PoE, 120dB WDR, Fixed lens (2.8mm), Alarm in/out 1/1,  Audio，Bulit-in Mic, IR range: up to 30m, IR anti-reflection window, Micro SD card slot,cable free</t>
  </si>
  <si>
    <t>Видеокамера PTZ IP Уличная цилиндрическая 4 Мп с ИК подсветкой до 50м. UNV 4MP Fixed Lens IR PTZ Camera (4mm, PTZ, 50m IR, 32G eMMC, PoE, Audio, Alarm) 1/3" CMOS, ICR, 2592*1520: 20fps; 2560*1440: 25fps, Ultra 265/H.264/MJPEG, Triple streams, DC12V &amp; PoE, IP66, Fixed lens (4mm), IR range: up to 50m, IR anti-reflection window, Bulit-in bracket.32G EMMC storage. Pan: 250°, Tilt: -50°--50°. 400 presets.</t>
  </si>
  <si>
    <t>Видеокамера PTZ IP Уличная цилиндрическая 4 Мп с ИК подсветкой до 50м. UNV 4MP Fixed Lens IR PTZ Camera (6mm, PTZ, 50m IR, 32G eMMC, PoE, Audio, Alarm) 1/3" CMOS, ICR, 2592*1520: 20fps; 2560*1440: 25fps, Ultra 265/H.264/MJPEG, Triple streams, DC12V &amp; PoE, IP66, Fixed lens (6mm), IR range: up to 50m, IR anti-reflection window, Bulit-in bracket.32G EMMC storage. Pan: 250°, Tilt: -50°--50°. 400 presets.</t>
  </si>
  <si>
    <t>Видеокамера PTZ IP Уличная цилиндрическая 2 Мп с ИК подсветкой до 50 м., моторизированный объектив 3-6мм, UNV 2MP Zoom Lens IR PTZ Camera (3-6mm, PTZ, 100m IR, 32G eMMC, PoE, Audio, Alarm) 1/2.8" CMOS, ICR, 1920*1080: 30fps, Ultra 265/H.264/MJPEG, Triple streams, DC12V &amp; PoE, IP66, 3-6mm 2X optical zoom, IR range: up to 100m, IR anti-reflection window, Bulit-in bracket. 32G EMMC storage. Pan: 250°, Tilt: -50°--50°. 400 presets.</t>
  </si>
  <si>
    <t>Видеокамера IP Купольная 4 Мп с ИК подсветкой до 30 м., моторизированный объектив 2.8-12мм, 1/3" CMOS, ICR, 4MP (2592*1520), Max 30fps; 4MP (2560*1440), Max 30fps; 3MP (2304*1296), Max 30fps; 1080P (1920*1080), Max 30fps; Ultra 265/H.264/MJPEG, Triple streams ,DC12V &amp; PoE, 120dB WDR, F2.8-12mm Motorized Varifocal lens,Alarm in/out 1/1, Audio, IR range: up to 30m, IR anti-reflection window, Micro SD card slot,cable free</t>
  </si>
  <si>
    <t>Fisheye IP видеокамера 12 Мп с ИК подсветкой до 10 м., фикс.объектив 1.8мм, UNV 4K (12MP) Network IR Fisheye Dome(1.8mm,10m IR,SD Slot,PoE,RJ45,Built-in MicroPhone&amp;Speaker,Full Cable,H.265) 1/1.7" CMOS, ICR, 12MP (4000x3000): 15fps; 9MP (3000 x 3000): 15fps, 6MP (2560x 2560): 25fps, Ultra 265, 8 Streams (1 fisheye view (Triple streams), 1 panaromic view, 4 PTZ View), DC 12V &amp; PoE,  Micro SD card slot, Alarm in/out 2/1, Audio &amp; Mic &amp; Speaker, BNC output, IP66 &amp;IK10, 1.8mm fixed lens, IR range: 10m</t>
  </si>
  <si>
    <t>Видеорегистратор IP 128/256-ти канальный. Video/Audio Input
IP Video Input 128-ch /256-ch, Two-way Audio Input 1-ch, RCA
Network
Incoming Bandwidth 768Mbps
Outgoing Bandwidth 768Mbps
Remote Users 128 / 256
Protocols P2P, UPnP, NTP, DHCP, PPPoE
Video/Audio Output
HDMI/VGA Output VGA:
1920x1080p/60Hz, 1920x1080p/50Hz, 1600x1200/60Hz, 1280x1024/60Hz, 1280x720/60Hz, 1024x768/60Hz
HDMI1:
4K (3840x2160)/30Hz, 1920x1080p/60Hz, 1920x1080p/50Hz, 1600x1200/60Hz, 1280x1024/60Hz, 1280x720/60Hz, 1024x768/60Hz
HDMI2:
4K (3840x2160)/30Hz, 1920x1080p/60Hz, 1920x1080p/50Hz, 1600x1200/60Hz, 1280x1024/60Hz, 1280x720/60Hz, 1024x768/60Hz
Recording Resolution 12MP/8MP/6MP/5MP/4MP/3MP/1080p/960p/720p/D1/2CIF/CIF
Audio Output 1-ch, RCA
Synchronous Playback 128-ch /256
Corridor Mode Screen 3/4/5/7/9/10/12/16/32
Decoding
Decoding format Ultra 265, H.265, H.264
Live view/Playback 12MP/8MP/6MP/5MP/4MP/3MP/1080p/960p/720p/D1/2CIF/CIF
Capability 5 x 4K@30, 20 x 1080P@30, 24 x 1080P@25, 40 x 960P@25, 45 x 720P@30, 54 x 720P@25, 96 x D1
Hard Disk
SATA 24 SATA interfaces
Capacity up to 10TB for each HDD
Extension board 4
miniSAS 2 miniSAS ports
Smart
VCA Detection Face detection, Intrusion detection, Cross line detection, Audio detection, Defocus detection, Scene change detection, Auto tracking
VCA Search Face search, Behavior search
Statistical Analysis People counting
Disk Array
Array Type RAID 0/1/5/6/10/50/60
External Interface
Network Interface 4 RJ-45 10M/100M/1000M adaptive Ethernet Interface
Serial Interface 1 x RS232, 1 x RS485
USB Interface Rear panel: 2 x USB2.0,2 x USB3.0 
Alarm In 24-ch
Alarm Out 8-ch
Power Output 12V
General
Power Supply 100 ~ 240V AC
Power Consumption: ≤ 70 W (without HDD)
Working Environment -10°C ~ + 55°C (+14°F ~ +131°F), Humidity ≤ 90% RH (non-condensing)
Dimensions 560mm ×485mm × 175mm (22.0 "×190.9" ×68.9")
Weight (without HDD) ≤ 13 Kg (28.66 lb)</t>
  </si>
  <si>
    <t>Видеорегистратор IP 64-х канальный. UNV NVR516-64,Network Video Recorder
64-ch, 16 SATA interface, 3U, H.265&amp;4K, 4 Network interface, 2 SFP interface, RAID1,  RAID5, Hard disk hot swap on front panel, Redundant power supply(opitional), Up to 14 HDMI output(optional), 2 miniSAS ports</t>
  </si>
  <si>
    <t>Видеорегистратор IP 128-ми канальный. UNV NVR516-128,Network Video Recorder
128-ch, 16 SATA interface, 3U, H.265&amp;4K, 4 Network interface, 2 SFP interface, RAID1, RAID5, Hard disk hot swap on front panel,Redundant power supply(opitional), Up to 14 HDMI output(optional), 2 miniSAS ports</t>
  </si>
  <si>
    <t>UNV VMS-B180-A, Up to 512 channel, Decording - up to 16×1080P@30
250-dev, 500-ch, Unified management of  IPC, NVR, face recognition terminal, decoder, network keyboard, alarm controller, access controller, cloud devices.</t>
  </si>
  <si>
    <t>UNV Unicorn Center(Supports 2000-CH Input And 16 HDD SLots For Recording) Up to 6000 channel, Up to 48 HDD , Decording - up to 112×1080P@30
1000-dev, 2000-ch, Unified management of  IPC, NVR, face recognition terminal, decoder, network keyboard, alarm controller, access controller, cloud devices.</t>
  </si>
  <si>
    <t>LightHunter, 120dB WDR, HLC, 33X optical zoom,Smart fuction, EIS, IP66&amp;IK10</t>
  </si>
  <si>
    <t>Скоростные PTZ  системы позиционирования (Поворотные платформы)</t>
  </si>
  <si>
    <t>44x</t>
  </si>
  <si>
    <t>44x Optical zoom,Lighthunter, HLC, EIS(Gyroscope), smart function, IP66, wiper</t>
  </si>
  <si>
    <t>1/2.8" CMOS, ICR ,1920×1080:60fps,Ultra 265/H.264/MJPEG, Triple streams, AC24V/DC24V/48V DC, Micro SD card slot, Alarm in/out 7/2, Audio, -40-70℃, IP66,  44x optical zoom(5~220mm),   IR range: up to 300m, IR anti-reflection window</t>
  </si>
  <si>
    <t>55x</t>
  </si>
  <si>
    <t>55x Optical zoom,Lighthunter, HLC, EIS(Gyroscope), smart function, IP66, wiper,SFP</t>
  </si>
  <si>
    <t>1/2.8" CMOS, ICR ,1920×1080:60fps,Ultra 265/H.264/MJPEG, Triple streams, AC24V/DC24V/48V DC, Micro SD card slot, Alarm in/out 7/2, Audio, -40-70℃, IP66,  55x optical zoom(6.4~352mm),   Laser range: up to 1000m, IR anti-reflection window</t>
  </si>
  <si>
    <t xml:space="preserve">Ограничено доступно </t>
  </si>
  <si>
    <t>Будет снято с производства</t>
  </si>
  <si>
    <t>IPC314SB-ADF28K-M12-I0</t>
  </si>
  <si>
    <t>IPC314SB-ADF28K-M12-I0-RU</t>
  </si>
  <si>
    <t>IPC325SB-DF40K-I0</t>
  </si>
  <si>
    <t>IPC325SB-DF28K-I0</t>
  </si>
  <si>
    <t>IPC3615SB-ADF28KM-I0</t>
  </si>
  <si>
    <t>IPC3615SB-ADF40KM-I0</t>
  </si>
  <si>
    <t>IPC325SB-DF40K-I0-RU</t>
  </si>
  <si>
    <t>IPC325SB-DF28K-I0-RU</t>
  </si>
  <si>
    <t>IPC3615SB-ADF28KM-I0-RU</t>
  </si>
  <si>
    <t>IPC3615SB-ADF40KM-I0-RU</t>
  </si>
  <si>
    <t>IPC3618SB-ADF28KM-I0</t>
  </si>
  <si>
    <t>IPC3618SB-ADF40KM-I0</t>
  </si>
  <si>
    <t>IPC3618SB-ADF28KM-I0-RU</t>
  </si>
  <si>
    <t>IPC3618SB-ADF40KM-I0-RU</t>
  </si>
  <si>
    <t>IPC2125SB-ADF28KM-I0</t>
  </si>
  <si>
    <t>IPC2125SB-ADF40KM-I0</t>
  </si>
  <si>
    <t>IPC2125SB-ADF28KM-I0-RU</t>
  </si>
  <si>
    <t>IPC2125SB-ADF40KM-I0-RU</t>
  </si>
  <si>
    <t>TIC6831ER-F50-4X38P</t>
  </si>
  <si>
    <t>TIC6831ER-F50-4X38P-RU</t>
  </si>
  <si>
    <t>TIC7632EL-F75-2X55G</t>
  </si>
  <si>
    <t>TIC7632EL-F75-2X55G-RU</t>
  </si>
  <si>
    <t>РРЦ Руб.</t>
  </si>
  <si>
    <t>NVR304-16S-P16</t>
  </si>
  <si>
    <t>NVR304-16S-P16-RU</t>
  </si>
  <si>
    <t>Видеокамера IP Мини-купольная антивандальная 4 Мп с ИК подсветкой до 30 м., фикс. объектив 2,8мм, с разъемом M12, 1/3" CMOS, угол обзора 101.1°, ICR, Ultra 265/H.264/MJPEG, WDR 120dB, 0.003Lux (F1.6, AGC ON) минимальная освещенность, cлот micro SD (256Gb), аудио вх/вых, встроенный микрофон/двустороннее аудио.  Тройной видеопоток - Основной поток: 4MP (2688*1520), Max 30fps; 4MP (2560*1440), Max 30fps; 3MP (2304*1296), Max 30fps; 2MP (1920*1080), Max 30fps; Второй поток: 720P (1280*720), Max 30fps; D1 (720*576), Max 30fps; 640*360,Max 30fps; 2CIF(704*288), Max 30fps; CIF(352*288), Max 30fps; Третий поток: D1 (720*576), Max 30fps; 640*360,Max 30fps; 2CIF(704*288), Max 30fps; CIF(352*288), Max 30fps. Smart функции - защита периметра. 2KV, IP66/IK10; -40°C до +60°C; 12V, PoE (IEEE802.3 af), 0.25kg , метал+пластик. Потребляемая мощность: макс. 4.5 Вт</t>
  </si>
  <si>
    <t>Новинка, Full-color, Защита периметра</t>
  </si>
  <si>
    <t>Видеорегистратор IP 16-ми канальный с 16 POE портами. Видеовыходы  HDMI/ VGA,  Аудиовыход  1 канал RCA,   Н.265/Н.264,  Разрешение записи  и просмотра 8MP/6MP/5MP/4MP/3MP/1080p/960p/720p/D1/2CIF/CIF, Входящий поток 160 Мбит/с , Исходящий поток 84 Мбит/с,  декодирование:  2 x 4K@30, 4x 4MP@30, 5 x 3MP@30, 8 x 1080P @30, 16 x 720P@30,  удаленных пользователей  256, Одновременный просмотр 16 каналов,  Поддержка P2P, UPnP, NTP, DHCP, PPPoE , ONVIF, 4 SATA  до 14 Tb, RJ-45 10M/100M Ethernet, 1 x USB2.0, 1 x USB3.0, аудио 1/1, тревожный вход/выход 4/1, питание 220В/8Вт, POE - 16.25W на каждый порт. размеры 400 мм ×362 мм × 74 мм , вес 5 кг</t>
  </si>
  <si>
    <t>Сетевая тепловизионная гибридная поворотная платформа 2 Мп PTZ-55X видеокамера 1/2.8" CMOS, ICR ,1920×1080:60fps,Ultra 265/H.264/MJPEG, Triple streams, AC24V/DC24V/48V DC, Micro SD card slot, Alarm in/out 7/2, Audio, -40-70℃, IP66,  55x optical zoom(6.4~352mm),   Laser range: up to 1000m, IR anti-reflection window</t>
  </si>
  <si>
    <t>IPC2225SE-DF40K-WL-I0-RU</t>
  </si>
  <si>
    <t>IPC2225SE-DF60K-WL-I0-RU</t>
  </si>
  <si>
    <t>IPC3615SE-ADF28KM-WL-I0-RU</t>
  </si>
  <si>
    <t>IPC3615SE-ADF40KM-WL-I0-RU</t>
  </si>
  <si>
    <t>IPC2225SE-DF40K-WL-I0</t>
  </si>
  <si>
    <t>IPC2225SE-DF60K-WL-I0</t>
  </si>
  <si>
    <t>IPC3615SE-ADF28KM-WL-I0</t>
  </si>
  <si>
    <t>IPC3615SE-ADF40KM-WL-I0</t>
  </si>
  <si>
    <t>IPC2224SA-DF40K</t>
  </si>
  <si>
    <t>IPC2224SA-DF60K</t>
  </si>
  <si>
    <t>IPC2224SA-DF40K-RU</t>
  </si>
  <si>
    <t>IPC2224SA-DF60K-RU</t>
  </si>
  <si>
    <t>новинка</t>
  </si>
  <si>
    <t>IPC3534SA-DF28K-RU</t>
  </si>
  <si>
    <t>IPC3534SA-DF40K-RU</t>
  </si>
  <si>
    <t>IPC264SA-DZK</t>
  </si>
  <si>
    <t>IPC264SA-DZK-RU</t>
  </si>
  <si>
    <t>IPC2A25SA-DZK</t>
  </si>
  <si>
    <t>IPC2A25SA-DZK-RU</t>
  </si>
  <si>
    <t>IPC3234SA-DZK</t>
  </si>
  <si>
    <t>IPC3235SA-DZK</t>
  </si>
  <si>
    <t>IPC3234SA-DZK-RU</t>
  </si>
  <si>
    <t>IPC3235SA-DZK-RU</t>
  </si>
  <si>
    <t>IPC8542ER5-DUP</t>
  </si>
  <si>
    <t>IPC8542ER5-DUP-RU</t>
  </si>
  <si>
    <t>Сетевая панорамная IP видеокамера 4K Starlight OmniView Объектив: 4 х 4.2 mm
Матрица: 1/1.8" progressive scan CMOS, разрешение 2 Мп
Разрешение главного потока: 4096×1800, 30 fps
Разрешение второго потока: 1920×832, 30 fps
Разрешение третьего потока: 1280×560, 30 fps
Минимальная освещенность: Цвет 0.002 Lux (F1.2, AGC ON), 0 lux with IR
Угол обзора: (H)180° (V) 80° (O) 221.4°
Технология: Ultra 265,H.265, H.264, MJPEG
Поддержка WDR: 120 dB
День/ночь: ИК-фильтр с автоматическим переключением (ICR) до 50 метров
Звук: Кодек сжатия G7.1 двухсторонняя передача аудио, шумоподавление, частота 8KHz
Интеграция: ONVIF, API
Разъем для карт памяти: micro SD (256Gb)
Поворот:  Pan: -90°~90°, Tilt: -45°~60°
Температура эксплуатации: -40°C до +70°C
Класс защиты: IP67
Питание: AC24V/DC24V±25% &amp; PoE,
Потребляемая мощность: Max 48 Вт
Размеры: 259 мм x 211 x 115 мм
Вес: 2.4 кг</t>
  </si>
  <si>
    <t>Сетевая панорамная IP видеокамера 4K Starlight OmniView Объектив: 4 х 4.2 mm
Матрица: 1/1.8" progressive scan CMOS, разрешение 2 Мп
Разрешение главного потока: 4096×1800, 30 fps
Разрешение второго потока: 1920×832, 30 fps
Разрешение третьего потока: 1280×560, 30 fps
Минимальная освещенность: Цвет 0.002 Lux (F1.2, AGC ON), 0 lux with IR
Угол обзора: (H)180° (V) 80° (O) 221.4°
Технология: Ultra 265,H.265, H.264, MJPEG
Поддержка WDR: 120 dB
День/ночь: ИК-фильтр с автоматическим переключением (ICR) до 50 метров
Звук: Кодек сжатия G7.1 двухсторонняя передача аудио, шумоподавление, частота 8KHz
Интеграция: ONVIF, API
Разъем для карт памяти: micro SD (256Gb)
Поворот:  Pan: -90°~90°, Tilt: -45°~60°
Температура эксплуатации: -40°C до +70°C
Класс защиты: IP67
Питание: AC24V/DC24V±25%
Потребляемая мощность: Max 48 Вт
Размеры: 259 мм x 211 x 115 мм
Вес: 2.4 кг
SFP</t>
  </si>
  <si>
    <t>IPC6854SL-X40WUP-VC</t>
  </si>
  <si>
    <t>IPC6854SL-X40WUP-VC-RU</t>
  </si>
  <si>
    <t>IPC7642ER-X55U-VC</t>
  </si>
  <si>
    <t>55x Optical zoom,Lighthunter, HLC, EIS(Gyroscope),Built in AI algorithm, IP66,  rain-sensing auto wiper,</t>
  </si>
  <si>
    <t>1/1.8" CMOS, ICR ,2688×1520:30fps,Ultra 265/H.264/MJPEG, Penta streams, AC24V/DC24V/48V DC, Micro SD card slot, Alarm in/out 7/2, Audio, -40-70℃, IP66,  55x optical zoom(6.0~330mm),   IR range: up to 400m, IR anti-reflection window</t>
  </si>
  <si>
    <t>Optical：4MP
Thermal：384*288</t>
  </si>
  <si>
    <t>38x Optical zoom, 50mm thermal lens(Vanadium Oxide Uncooled Focal Plane Arrays), Built in AI algorithm, fire detection, Lighthunter,wiper, EIS(Gyroscope), IP66</t>
  </si>
  <si>
    <t>Optical: 1/1.8" CMOS, ICR ,2560×1440:60fps,Ultra 265/H.264/MJPEG, Triple streams, AC24V/DC24V/PoE(IEEE 802.3bt), 38x optical zoom(5.7 ~ 216.6mm),IR range: up to 150m, IP66
Thermal: 384*288 resolution, 50mm fixed lens, NETD≤50mk, 17μm pixel size</t>
  </si>
  <si>
    <t>Optical：2MP
Thermal：384*288</t>
  </si>
  <si>
    <t>55X</t>
  </si>
  <si>
    <t>55x Optical zoom, 75mm thermal lens(Vanadium Oxide Uncooled Focal Plane Arrays), Built in AI algorithm, fire detection, Lighthunter,wiper, EIS(Gyroscope), IP66</t>
  </si>
  <si>
    <t>Optical: 1/1.8" CMOS, ICR ,1920×1080:60fps,Ultra 265/H.264/MJPEG, Triple streams, AC24V/DC24V/PoE(IEEE 802.3bt), 55x optical zoom(6~ 330mm),laser range: up to 800m, IP66
Thermal: 384*288 resolution, 75mm fixed lens, NETD≤50mk, 17μm pixel size</t>
  </si>
  <si>
    <t>IPC6222ER-X30P-B</t>
  </si>
  <si>
    <t>IPC6222ER-X30P-B-RU</t>
  </si>
  <si>
    <t xml:space="preserve">Видеокамера IP Скоростная поворотная уличная 2Мп с адаптивной ИК-подсветкой до 150м, с моторизованным вариофокальным объективом 4.5-135мм, 30Х optical zoom, CMOS 1/2.8", угол обзора 71.7°~ 2.4°, ICR, 1920x1080:30fps, тройной видеопоток, Ultra 265/H.264/MJPEG, WDR 120dB, 0.001 Lux минимальная освещенность, cлот micro SD (256Gb), тревожные ввод/вывод 1/1, Audio ввод/вывод 1/1.   Smart функции - автоматическое отслеживание объекта,  вторжение в зону, пересечение линий, аудио детекция, детекция лиц, подсчет посетителей.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160°/s, Предустановленная скорость: 240 ° / с, IP66, -45°C до +65°C; 24V AC/12V DC, PoE (требуется PSE-отдельный PoE-инжектор). Потребляемая мощность: макс. 9 ~ 42 Вт,  Ø227 x 359.4мм, 5,280 кг. </t>
  </si>
  <si>
    <t>на замену IPC6622SR-X33-VF</t>
  </si>
  <si>
    <t>снято с производства</t>
  </si>
  <si>
    <t>DEU1008</t>
  </si>
  <si>
    <t>IPC6854ER-X40G-VF</t>
  </si>
  <si>
    <t>IPC6854ER-X40G-VF-RU</t>
  </si>
  <si>
    <t>IPC6658SR-X25-VF</t>
  </si>
  <si>
    <t>IPC6658SR-X25-VF-RU</t>
  </si>
  <si>
    <t>IPC6652SL-X33-VF</t>
  </si>
  <si>
    <t>IPC6652SL-X33-VF-RU</t>
  </si>
  <si>
    <t>IPC6852ER-X45-VF</t>
  </si>
  <si>
    <t>IPC6852ER-X45-VF-RU</t>
  </si>
  <si>
    <t>IPC262EB-HDX10K-I0</t>
  </si>
  <si>
    <t>IPC262EB-HDX10K-I0-RU</t>
  </si>
  <si>
    <t>IPC254EB-DX22GK-I0</t>
  </si>
  <si>
    <t>IPC254EB-DX22GK-I0-RU</t>
  </si>
  <si>
    <t>IPC2A23LB-F40K-A</t>
  </si>
  <si>
    <t>IPC2A23LB-F40K-A-RU</t>
  </si>
  <si>
    <t>IPC2A23LB-F60K-A</t>
  </si>
  <si>
    <t>IPC2A23LB-F60K-A-RU</t>
  </si>
  <si>
    <t>Корпусные  видеокамеры под  C/CS объектив</t>
  </si>
  <si>
    <t>Видеокамера IP Корпусная 2 Мп; 1/2.9" CMOS, 1920x1080:25fps, тройной видеопоток, Ultra 265/H.264/MJPEG, WDR 120dB, Color: 0.001 Lux, B/W: 0,0001 Lux минимальная освещенность,  крепление объектива C/CS; DC-Iris/P-Iris, ICR, cлот micro SD (256Gb), RS485, BNC 1, тревожные ввод/вывод 2/1, Audio ввод/вывод 1/1.  Smart функции - Вторжение в зону, пересечение линий, аудио детекция, детекция лиц, расфокусировка, смена сцены, подсчет посетителей. . Размеры (ДхШхВ) 151,5 x 71 х 65мм.  -20°C до +60°C; 24V AC/12V DC, PoE (IEEE802.3 af), Потребляемая мощность: макс. 6,8 Вт</t>
  </si>
  <si>
    <t>IPC542SE-HDK-I0</t>
  </si>
  <si>
    <t>IPC542SE-HDK-I0-RU</t>
  </si>
  <si>
    <t>IPC2A24SE-ADZK-I0</t>
  </si>
  <si>
    <t>IPC2A24SE-ADZK-I0-RU</t>
  </si>
  <si>
    <t>июль</t>
  </si>
  <si>
    <t>IPC2A28SE-ADZK-I0</t>
  </si>
  <si>
    <t>IPC2A28SE-ADZK-I0-RU</t>
  </si>
  <si>
    <t>IPC3734SE-ADZK-I0</t>
  </si>
  <si>
    <t>IPC3734SE-ADZK-I0-RU</t>
  </si>
  <si>
    <t>IPC3738SE-ADZK-I0</t>
  </si>
  <si>
    <t>IPC3738SE-ADZK-I0-RU</t>
  </si>
  <si>
    <t>IPC3634SE-ADZK-I0</t>
  </si>
  <si>
    <t>IPC3634SE-ADZK-I0-RU</t>
  </si>
  <si>
    <t>IPC3638SE-ADZK-I0</t>
  </si>
  <si>
    <t>IPC3638SE-ADZK-I0-RU</t>
  </si>
  <si>
    <t>Средний и высокий уровень, White LED，F1.0+1/1.8'，WDR，SD，проводы аудио и тревоги，Защита периметра，3 потока</t>
  </si>
  <si>
    <t>IPC2224SE-DF40K-WL-I0</t>
  </si>
  <si>
    <t>IPC2224SE-DF60K-WL-I0</t>
  </si>
  <si>
    <t>IPC2224SE-DF40K-WL-I0-RU</t>
  </si>
  <si>
    <t>IPC2224SE-DF60K-WL-I0-RU</t>
  </si>
  <si>
    <t>IPC328SB-ADF40K-I0</t>
  </si>
  <si>
    <t>IPC328SB-ADF28K-I0</t>
  </si>
  <si>
    <t>IPC328SB-ADF28K-I0-RU</t>
  </si>
  <si>
    <t>IPC328SB-ADF40K-I0-RU</t>
  </si>
  <si>
    <t>IPC2315SB-ADF40KM-I0</t>
  </si>
  <si>
    <t>IPC2315SB-ADF40KM-I0-RU</t>
  </si>
  <si>
    <t>IPC2315SB-ADF60KM-I0</t>
  </si>
  <si>
    <t>IPC2315SB-ADF60KM-I0-RU</t>
  </si>
  <si>
    <t>IPC6634E-X33-VF</t>
  </si>
  <si>
    <t>IPC6634E-X33-VF-RU</t>
  </si>
  <si>
    <t>IPC2125LE-ADF28KM-G</t>
  </si>
  <si>
    <t>IPC2125LE-ADF28KM-G-RU</t>
  </si>
  <si>
    <t>IPC2125LE-ADF40KM-G</t>
  </si>
  <si>
    <t>IPC2125LE-ADF40KM-G-RU</t>
  </si>
  <si>
    <t>IPC3615LE-ADF28K-G</t>
  </si>
  <si>
    <t>IPC3615LE-ADF28K-G-RU</t>
  </si>
  <si>
    <t>IPC3615LE-ADF40K-G</t>
  </si>
  <si>
    <t>IPC3615LE-ADF40K-G-RU</t>
  </si>
  <si>
    <t>IPC2325LB-ADZK-G</t>
  </si>
  <si>
    <t>IPC2325LB-ADZK-G-RU</t>
  </si>
  <si>
    <t>IPC3635LB-ADZK-G</t>
  </si>
  <si>
    <t>IPC3635LB-ADZK-G-RU</t>
  </si>
  <si>
    <t>IPC3535LB-ADZK-G</t>
  </si>
  <si>
    <t>IPC3535LB-ADZK-G-RU</t>
  </si>
  <si>
    <t>Language</t>
    <phoneticPr fontId="5" type="noConversion"/>
  </si>
  <si>
    <t>Screen size</t>
    <phoneticPr fontId="4" type="noConversion"/>
  </si>
  <si>
    <t>Resolution</t>
    <phoneticPr fontId="4" type="noConversion"/>
  </si>
  <si>
    <t>Bezel Width</t>
    <phoneticPr fontId="4" type="noConversion"/>
  </si>
  <si>
    <t>Field of View</t>
    <phoneticPr fontId="4" type="noConversion"/>
  </si>
  <si>
    <t>Brightness</t>
    <phoneticPr fontId="4" type="noConversion"/>
  </si>
  <si>
    <t>Contrast</t>
    <phoneticPr fontId="4" type="noConversion"/>
  </si>
  <si>
    <t>Response Time</t>
    <phoneticPr fontId="4" type="noConversion"/>
  </si>
  <si>
    <t>Input signal</t>
    <phoneticPr fontId="4" type="noConversion"/>
  </si>
  <si>
    <t>Speaker</t>
    <phoneticPr fontId="4" type="noConversion"/>
  </si>
  <si>
    <t>Dimension(mm)</t>
  </si>
  <si>
    <t>Weight(Kg)</t>
    <phoneticPr fontId="4" type="noConversion"/>
  </si>
  <si>
    <t>LED Мониторы и аксессуары</t>
  </si>
  <si>
    <t>MW3222-L</t>
  </si>
  <si>
    <t>22-дюймовый монитор, Full HD 1920×1080</t>
  </si>
  <si>
    <t>16 (English, France, Spanish, Portuguese, German, Italian, Dutch, Swedish, Finnish, Polish, Czech, Russia, Korea, Simplified Chinese, Traditional Chinese, Japanese )</t>
    <phoneticPr fontId="4" type="noConversion"/>
  </si>
  <si>
    <t>21.5 inches
VESA mount</t>
    <phoneticPr fontId="4" type="noConversion"/>
  </si>
  <si>
    <t>1920×1080</t>
    <phoneticPr fontId="4" type="noConversion"/>
  </si>
  <si>
    <t>170°(H)
160°(V)</t>
    <phoneticPr fontId="4" type="noConversion"/>
  </si>
  <si>
    <t>250cd/m²</t>
    <phoneticPr fontId="4" type="noConversion"/>
  </si>
  <si>
    <t>1000:1</t>
    <phoneticPr fontId="4" type="noConversion"/>
  </si>
  <si>
    <t>5ms</t>
    <phoneticPr fontId="4" type="noConversion"/>
  </si>
  <si>
    <t>VGA/HDMI</t>
    <phoneticPr fontId="4" type="noConversion"/>
  </si>
  <si>
    <t>N/A</t>
    <phoneticPr fontId="4" type="noConversion"/>
  </si>
  <si>
    <t>565(W) × 430(H) × 138(D)</t>
    <phoneticPr fontId="4" type="noConversion"/>
  </si>
  <si>
    <t>MW3222-V</t>
  </si>
  <si>
    <t>22-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21.5 inches
VESA mount</t>
  </si>
  <si>
    <t>VGA/HDMI/Audio in</t>
    <phoneticPr fontId="4" type="noConversion"/>
  </si>
  <si>
    <t>2*2W</t>
    <phoneticPr fontId="4" type="noConversion"/>
  </si>
  <si>
    <t>514.4(W)×378.6(H)×190(D)</t>
    <phoneticPr fontId="4" type="noConversion"/>
  </si>
  <si>
    <t>MW3224-V</t>
  </si>
  <si>
    <t>24-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8 (English, France, Spanish, German,Russia, Korea,Japanese,Simplified Chinese )</t>
    <phoneticPr fontId="4" type="noConversion"/>
  </si>
  <si>
    <t>23.8 inches
VESA mount</t>
  </si>
  <si>
    <t>178°(H)
178°(V)</t>
    <phoneticPr fontId="4" type="noConversion"/>
  </si>
  <si>
    <t>14ms</t>
    <phoneticPr fontId="4" type="noConversion"/>
  </si>
  <si>
    <t>541.43(W) × 407.27 (H) × 210(D)</t>
    <phoneticPr fontId="4" type="noConversion"/>
  </si>
  <si>
    <t>MW3227-L</t>
  </si>
  <si>
    <t>27-дюймовый монитор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MW3232-E</t>
  </si>
  <si>
    <t>32-дюймовый монитор, Full HD 1920×1080
Display Type: LED Backlight
Screen Size 32”
Pixel Pitch(mm) 0.364× 0.364
Max Resolution 1920×1080
Brightness 300 cd/m2
Contrast 1400:1
Response Time 8ms
color 16.7M
Viewing Angle Horizontal 178°, Vertical 178°
Interface
VGA 1
HDMI 1
DVI 1
Audio 1
Audio
Audio Input 1, 3.5 mm mini-jack
Speaker 2×3W
OSD
Multi- Language 12 (English, French, German, Italian, Simplified Chinese, Espanol, Portuguese, Russian,Korean,Nederlands,Turkic,Polskl)
Mounting
VESA 200×240 ,  200×300
General
Power supply AC 100~240V, 50~60Hz
Consumption &lt;70 W(on)
&lt;1W(Standby)
Operation Temperature 0°C ~ 50 °C
Operating Humidity 10%~90% (No Condensation)
Storage Temperature -10°C ~ 60°C
Storage Humidity 10%~90% (No Condensation)
Dimension (W×H×D) 750mm × 453 mm × 48 mm
Weight: Net Weight:12 Kg  Cross Weight: 13.5Kg
Accessory
Standard HDMI cable, Power cable ,Remote control, Quick Guide
Optional Hanging bracket, Pedestal</t>
  </si>
  <si>
    <t>12 (English, French, German, Italian, Simplified Chinese, Espanol, Portuguese, Russian,Korean,Nederlands,Turkic,Polskl)</t>
    <phoneticPr fontId="4" type="noConversion"/>
  </si>
  <si>
    <t>32 inches
VESA mount</t>
    <phoneticPr fontId="4" type="noConversion"/>
  </si>
  <si>
    <t>280cd/m²</t>
    <phoneticPr fontId="4" type="noConversion"/>
  </si>
  <si>
    <t>1200:1</t>
    <phoneticPr fontId="4" type="noConversion"/>
  </si>
  <si>
    <t>8ms</t>
    <phoneticPr fontId="4" type="noConversion"/>
  </si>
  <si>
    <t>DVI/VGA/HDMI/Audio in</t>
    <phoneticPr fontId="4" type="noConversion"/>
  </si>
  <si>
    <t>2*3W</t>
    <phoneticPr fontId="4" type="noConversion"/>
  </si>
  <si>
    <t>750(W)x453(H)x48(D)</t>
    <phoneticPr fontId="4" type="noConversion"/>
  </si>
  <si>
    <t>MW3232-V</t>
  </si>
  <si>
    <t>31,5-дюймовый монитор, Full HD 1920×1080
Display Type: LED Backlight
Screen Size 21.5”
Pixel Pitch(mm) 0.2482× 0.2482
Max Resolution 1920×1080
Brightness 250 cd/m2
Contrast 1000:1
Response Time 5ms
color 16.7M
Viewing Angle Horizontal 170°, Vertical 160°
Interface
VGA 1
HDMI 1
Audio In 1
Audio
Audio Input 1, 3.5 mm mini-jack
Speaker 2x2W
OSD
Multi- Language 11 (English, French, German, Italian, Simplified Chinese, Traditional Chinese, Korean, Japanese, Espanola, Portuguese, Russian )
Mounting
VESA 100mm x 100mm
General
Power supply DC 12V, 2A
Consumption &lt;20 W(on)
&lt;0.5 W(Standby)
Operation Temperature 0°C ~ 40 °C
Operating Humidity 20%~85% (No Condensation)
Storage Temperature -20°C ~ 60°C
Storage Humidity 0%~90% (No Condensation)
Dimension (W×H×D) 509.5mm × 304.5 mm × 35.1mm(No Pedestal)
Weight: Net Weight:2.51Kg  Gross Weight:3.8Kg
Accessory
Standard HDMI cable, Adapter&amp; power cable, Pedestal,Quick Guide
Optional Hanging bracket</t>
  </si>
  <si>
    <t>8 (English, French, German, Simplified Chinese, Korean, Japanese, Espanola, Russian )</t>
    <phoneticPr fontId="4" type="noConversion"/>
  </si>
  <si>
    <t>31.5 inches
VESA mount</t>
    <phoneticPr fontId="4" type="noConversion"/>
  </si>
  <si>
    <t>350cd/m²</t>
    <phoneticPr fontId="4" type="noConversion"/>
  </si>
  <si>
    <t>1400:1</t>
    <phoneticPr fontId="4" type="noConversion"/>
  </si>
  <si>
    <t>6ms</t>
    <phoneticPr fontId="4" type="noConversion"/>
  </si>
  <si>
    <t>VGA/HDMI/DVI/Audio in</t>
    <phoneticPr fontId="4" type="noConversion"/>
  </si>
  <si>
    <t>2*5W</t>
    <phoneticPr fontId="4" type="noConversion"/>
  </si>
  <si>
    <t>725.2(W) × 425.8 (H) × 49.5(D)</t>
    <phoneticPr fontId="4" type="noConversion"/>
  </si>
  <si>
    <t>MW3243-E</t>
  </si>
  <si>
    <t>43-дюймовый монитор, Full HD 1920×1080
Display Type: LED Backlight
Screen Size 43”
Pixel Pitch(mm) 0.490 x 0.490
Max Resolution 1920×1080
Brightness 300 cd/m2
Contrast 1200:1
Response Time 8ms
color 16.7M
Viewing Angle Horizontal 178°, Vertical 178°
Interface
VGA 1
HDMI 1
DVI 1
Audio 1
Audio
Audio Input 1, 3.5 mm mini-jack
Speaker 2×3W
OSD
Multi- Language 12 (English, French, German, Italian, Simplified Chinese, Espanol, Portuguese, Russian,Korean,Nederlands,Turkic,Polskl)
Mounting
VESA 400×300 ,  400×400
General
Power supply AC 100~240V, 50~60Hz
Consumption &lt;80 W(on)
&lt;1W(Standby)
Operation Temperature 0°C ~ 50 °C
Operating Humidity 10%~90% (No Condensation)
Storage Temperature -10°C ~ 60°C
Storage Humidity 10%~90% (No Condensation)
Dimension (W×H×D) 994mm × 586 mm × 50 mm
Weight: Net Weight: 18.2 Kg  Cross Weight: 22.1Kg
Accessory
Standard HDMI cable, Power cable ,Remote control, Quick Guide
Optional Hanging bracket, Pedestal</t>
  </si>
  <si>
    <t>43 inches
VESA mount</t>
    <phoneticPr fontId="4" type="noConversion"/>
  </si>
  <si>
    <t>300cd/m²</t>
    <phoneticPr fontId="4" type="noConversion"/>
  </si>
  <si>
    <t>994(W)x586(H)x50(D)</t>
    <phoneticPr fontId="4" type="noConversion"/>
  </si>
  <si>
    <t>HB-5028-E</t>
  </si>
  <si>
    <t>Model HB-5028-E
Application Pedestal for MW3228-F
Dimension（W×H×D） 290.85mm×330.65mm×213.50mm
Weight 1.38 Kg
Material ABS &amp; SGCC
Standard VESA</t>
  </si>
  <si>
    <t>Desk mounting for MW3228-F</t>
    <phoneticPr fontId="4" type="noConversion"/>
  </si>
  <si>
    <t>VESA mount</t>
    <phoneticPr fontId="4" type="noConversion"/>
  </si>
  <si>
    <t>NA</t>
    <phoneticPr fontId="4" type="noConversion"/>
  </si>
  <si>
    <t>290.85(W)×330.65(H)×213.50(D)</t>
    <phoneticPr fontId="4" type="noConversion"/>
  </si>
  <si>
    <t>HB-5032-E</t>
  </si>
  <si>
    <t>Desk mounting for MW3232-E</t>
  </si>
  <si>
    <t>Desk mounting for MW3232-E</t>
    <phoneticPr fontId="4" type="noConversion"/>
  </si>
  <si>
    <t>80(W)×428(H)×244(D)</t>
    <phoneticPr fontId="4" type="noConversion"/>
  </si>
  <si>
    <t>HB-5043-E</t>
  </si>
  <si>
    <t>Model HB-5043-E
Application Pedestal for MW3243-E
Dimension（W×H×D） 80mm×553mm×244mm
Weight 3.15 Kg
Material SGCC
Standard VESA</t>
  </si>
  <si>
    <t>Desk mounting for MW3243-E</t>
    <phoneticPr fontId="4" type="noConversion"/>
  </si>
  <si>
    <t>80(W)×533(H)×244(D)</t>
    <phoneticPr fontId="4" type="noConversion"/>
  </si>
  <si>
    <t>Model HB-5032-E
Application Pedestal for MW3232-E
Dimension（W×H×D） 80mm×428mm×244mm
Weight 2.85 Kg
Material SGCC
Standard VESA</t>
  </si>
  <si>
    <t>Desk mounting for MW3232-V</t>
    <phoneticPr fontId="4" type="noConversion"/>
  </si>
  <si>
    <t>419.1(W)×233.5(H)×190.8(D)</t>
    <phoneticPr fontId="4" type="noConversion"/>
  </si>
  <si>
    <t>0.64 Kg</t>
    <phoneticPr fontId="4" type="noConversion"/>
  </si>
  <si>
    <t>HB-4032-E</t>
  </si>
  <si>
    <t>Model HB-4032-E
Application Hanging Bracket for, MW3232-E, MW3243-E
Dimension（W×H×D） 440mm×425mm×47mm
Weight 1.4 Kg
Material SGCC
Standard VESA</t>
  </si>
  <si>
    <t>Wall mounting for MW3232-E, and MW3243-E</t>
    <phoneticPr fontId="4" type="noConversion"/>
  </si>
  <si>
    <t>500(W)×430(H)×46(D)</t>
    <phoneticPr fontId="4" type="noConversion"/>
  </si>
  <si>
    <t>HB-4022-E</t>
  </si>
  <si>
    <t>Model HB-4022-E
Application Hanging Bracket for MW3219-V/MW3222-F/MW3222-V/MW3228-F/MW3224-V/MW3232-V
Dimension（W×H×D） 140mm×120mm×42mm
Weight 0.5 Kg
Material SGCC
Standard VESA</t>
  </si>
  <si>
    <t>Wall mounting Bracket for MW3219-V/MW3222-F/MW3222-V/MW3228-F/MW3224-V/MW3232-V</t>
  </si>
  <si>
    <t>115(W)×115(H)×90(D)</t>
    <phoneticPr fontId="4" type="noConversion"/>
  </si>
  <si>
    <t>LED Интерактивные экраны для бизнеса (Interactive Whiteboard)</t>
  </si>
  <si>
    <t>Language</t>
    <phoneticPr fontId="4" type="noConversion"/>
  </si>
  <si>
    <t>Screen size</t>
    <phoneticPr fontId="3" type="noConversion"/>
  </si>
  <si>
    <t>Resolution</t>
    <phoneticPr fontId="3" type="noConversion"/>
  </si>
  <si>
    <t>Field of View</t>
    <phoneticPr fontId="3" type="noConversion"/>
  </si>
  <si>
    <t>Brightness</t>
    <phoneticPr fontId="3" type="noConversion"/>
  </si>
  <si>
    <t>Contrast</t>
    <phoneticPr fontId="3" type="noConversion"/>
  </si>
  <si>
    <t>Response Time</t>
    <phoneticPr fontId="3" type="noConversion"/>
  </si>
  <si>
    <t>Input signal</t>
    <phoneticPr fontId="3" type="noConversion"/>
  </si>
  <si>
    <t>Output signal</t>
    <phoneticPr fontId="3" type="noConversion"/>
  </si>
  <si>
    <t>Touch</t>
    <phoneticPr fontId="3" type="noConversion"/>
  </si>
  <si>
    <t>OS</t>
    <phoneticPr fontId="3" type="noConversion"/>
  </si>
  <si>
    <t>RAM</t>
    <phoneticPr fontId="3" type="noConversion"/>
  </si>
  <si>
    <t>ROM</t>
    <phoneticPr fontId="3" type="noConversion"/>
  </si>
  <si>
    <t>Weight(Kg)</t>
    <phoneticPr fontId="3" type="noConversion"/>
  </si>
  <si>
    <t>MW3565-T</t>
  </si>
  <si>
    <t>65 inch interactive whiteboard is an interactive whiteboard for industry and business users. The product is all metal
body, adopts professional panel, and has rich input and output interface. It is suitable for multimedia industry, conference office,
commercial display and other industrial fields.
Display Type: LED Backlight
Screen Size 65 inches
Pixel Pitch(mm) 0.124×0.372
Max Resolution 3840×2160
Brightness 350
Contrast 1100:1
Response Time 8 ms
color 1.07B
Viewing Angle(V/H) 178°/178°
Display size(mm) 1428.48 (W) x 803.52(H)
Android System
CPU structure Quad-core cortex-A53
CPU working frequency 1.2GHz
CPU cores 4 cores
RAM DDR3: 2GB eMMC:8GB
System version Android 5.1.1
Touch performance
Touch point Infrared recognition, support 10 points
Positioning accuracy ≤2mm
Surface hardness 4MM，Toughened Glass with Level 7 of Mohs Standard
Response Time
Single touch：click 13ms/ drag3ms
Multi touch: click 13ms/ Drag 5-10ms
Two points touch：click 10ms
Min size touchable ≥5MM
interface
input
HDMI ×3、DP ×1、VGA ×1、LAN ×1、PC-AUDIO ×1、YPBPR ×1、AV ×1、USB2.0
×1、USB3.0 ×1、TV ×1、 TOUCH-USB ×1
output LAN ×1、EARPHONE ×1、OPTICAL ×1、RS232 ×1、SPEAK_L ×1、SPEAK_R ×1
Speaker
Speaker 2×10W
OSD
language English, Chinese
VESA
Mounting position（mm） 400×200
3
Datasheet
Mounting size 4-M6
General
Input voltage AC 100~240V, 50/60Hz
Consumption（W）
≤150 (On)
＜0.5 (standby)
Operation Temperature 0～40℃
Operating Humidity 10%～90% (No Condensation)
Storage Temperature ﹣20～60℃
Storage Humidity 10%～90%
Dimension (mm) 1522.3（W）x931.3（H）x102（D）
Package(mm) 1660（H） x 1090（V）×280（D）
Weight (Kg) net：54.5 ± 1 gross：63 ± 1
Accessory (standard)
Remote controller ×1,power cable ×1,touch pen ×1,user manual ×1, Warranty Card ×1、
certificate ×1、bluetooth ×1、WIFI antenna ×4
optional
Floor standing movable bracket
I3 OPS PC
I5 OPS PC
*Notice
* The above parameters may differ from the specific products, please refer to the actual
product or consult the local sales staff.</t>
  </si>
  <si>
    <t>22 (English, Turkish,Danish,Norwegian-Bokmol,Romanian,Greek,Arabic,France, Spanish, Portuguese, German, Italian, Dutch, Swedish, Finnish, Polish, Czech, Russia, Korea, Simplified Chinese, Traditional Chinese, Japanese )</t>
    <phoneticPr fontId="3" type="noConversion"/>
  </si>
  <si>
    <t>65 inches</t>
    <phoneticPr fontId="3" type="noConversion"/>
  </si>
  <si>
    <t>3840×2160</t>
    <phoneticPr fontId="3" type="noConversion"/>
  </si>
  <si>
    <t>178°(H)
178°(V)</t>
    <phoneticPr fontId="3" type="noConversion"/>
  </si>
  <si>
    <t>450cd/m²</t>
    <phoneticPr fontId="3" type="noConversion"/>
  </si>
  <si>
    <t>1200:1</t>
    <phoneticPr fontId="3" type="noConversion"/>
  </si>
  <si>
    <t>6ms</t>
    <phoneticPr fontId="3" type="noConversion"/>
  </si>
  <si>
    <t>HDMI ×3, DP ×1, VGA ×1, LAN ×2, PC-AUDIO IN ×1, YPBPR ×1, AV ×1, TOUCH-USB ×2, OPS ×1, Android USB×2, Public USB×2</t>
    <phoneticPr fontId="3" type="noConversion"/>
  </si>
  <si>
    <t>HDMI×1, AV×1, S/PDIF×1, AUDID OUT×1</t>
    <phoneticPr fontId="3" type="noConversion"/>
  </si>
  <si>
    <t>20 points IR</t>
    <phoneticPr fontId="3" type="noConversion"/>
  </si>
  <si>
    <t>Android 8.0</t>
    <phoneticPr fontId="3" type="noConversion"/>
  </si>
  <si>
    <t>3GB DDR4</t>
    <phoneticPr fontId="3" type="noConversion"/>
  </si>
  <si>
    <t>16GB</t>
    <phoneticPr fontId="3" type="noConversion"/>
  </si>
  <si>
    <t>1506.3(W)×901.3(H)×96.1(D)</t>
    <phoneticPr fontId="3" type="noConversion"/>
  </si>
  <si>
    <t>42 Kg</t>
    <phoneticPr fontId="3" type="noConversion"/>
  </si>
  <si>
    <t>MW3575-T</t>
  </si>
  <si>
    <t xml:space="preserve">Key Features
 75" ultra-HD display
 Metal housing, 4mm AG anti-glare tempered glass, and ultra-thin and ultra-narrow appearance
 IR (Infrared Ray) touch technology, supports 20 points writing. 
 Writing height below 2mm to bring smoother writing experience
 All-channel annotating, built-in Android writing software 
 Smart sidebar menu 
 Wireless screen sharing, convenient to presentation
 Built-in Android system and optional with Pluggable PC Module
 Double LAN bridging, supporting Android, Pluggable PC Module (Windows system) and external PC realize network bridging 
 Public USB port auto switch 
 Antenna hidden inside 
 All channel can be loop-outed by HDMI </t>
  </si>
  <si>
    <t>75 inches</t>
    <phoneticPr fontId="3" type="noConversion"/>
  </si>
  <si>
    <t>8ms</t>
    <phoneticPr fontId="3" type="noConversion"/>
  </si>
  <si>
    <t>1735.98(W)×1034.52(H)×103.75(D)</t>
    <phoneticPr fontId="3" type="noConversion"/>
  </si>
  <si>
    <t>58 Kg</t>
    <phoneticPr fontId="3" type="noConversion"/>
  </si>
  <si>
    <t>MW3586-T</t>
  </si>
  <si>
    <t>86 inch interactive whiteboard is an interactive whiteboard for industry and business users. The product is all metal
body, adopts professional panel, and has rich input and output interface. It is suitable for multimedia industry, conference office,
commercial display and other industrial fields.
Display Type:
LED Backlight
Screen Size
85.6 inches
Pixel Pitch(mm)
0.4935×0.4935
Max Resolution
3840×2160
Brightness
400
Contrast
1200:1
Response Time
8 ms
color
1.07B
Viewing Angle(V/H)
178°/178°
Display size
( 1895.04 (W) x 1065.96(H)
Android System
CPU
structure Quad
core cortex A53
CPU
working frequency 1.
2 GHz
CPU
cores 4 cores
RAM
DDR3: 2GB eMMC:8GB
System version
Android 5.
1.1
Touch performance
Touch
point Infrared recognition, support 10 points
Positioning accuracy
≤2mm
Surface hardness
4MM
Toughened Glass with Level 7 of Mohs Standard
Response Time
Single touch
click 13ms / drag 3ms
Multi touch: click
13ms / Drag 5 10ms
Two points touch
click 10ms
Min size touchable
≥5MM
interface
input
HDMI ×3
、 DP ×1 、 VGA ×1 、 LAN ×1 、 PC AUDIO ×1 、 YPBPR ×1 、 AV ×1 、 USB2.0
×1 、 USB3.0 ×1 、 TV ×1 、 TOUCH USB ×1
output
LAN ×1
、 EARPHONE ×1 、 OPTICAL ×1 、 RS232 ×1 、 SPEAK_L ×1 、 SPEAK_R ×1
Speaker
Speaker
2×
10 W
OSD
language
English,
Chinese
VESA
Mounting position
mm 700×400
3
Datasheet
Mounting size
Mounting size
4
4--MM88 General
Input voltage
AC 100~240V, 50/60Hz
Consumption
Consumption（（WW））
≤320 (On)
＜0.5 (stanby)
Operation Temperature
Operation Temperature
0～40℃
Operating Humidity
Operating Humidity
10%～90% (No Condensation)(No Condensation)
Storage Temperature
Storage Temperature
﹣20～60℃
Storage Humidity
Storage Humidity
10%～90%
Dimension (mm)
Dimension (mm)
1989（W）x1194.6（H）x116.6（D）
Package(mm)
Package(mm)
2190（H） x 1400（V）×330（D）
Weight (
Weight (KgKg))
net：84 ± 1 gross：102.5 ± 1
Accessory (standard)
Accessory (standard)
Remote controller ×1,power cable ×1,touch pen ×1,user manual ×1, Warranty Card ×1、certificate ×1、bluetooth ×1、WIFI antenna ×4
optional
optional
Floor standing movable bracket
I3 OPS PC
I5 OPS PC
*
*NoticeNotice
* The above parameters may differ from the specific products, please refer to the actual product or consult the local sales staff.</t>
  </si>
  <si>
    <t>86 inches</t>
    <phoneticPr fontId="3" type="noConversion"/>
  </si>
  <si>
    <t>400cd/m²</t>
    <phoneticPr fontId="3" type="noConversion"/>
  </si>
  <si>
    <t>1989.18(W)×1080.22(H)×119.7(D)</t>
    <phoneticPr fontId="3" type="noConversion"/>
  </si>
  <si>
    <t>77 Kg</t>
    <phoneticPr fontId="3" type="noConversion"/>
  </si>
  <si>
    <t>LCD видеопанели и аксессуары</t>
  </si>
  <si>
    <t>Control</t>
    <phoneticPr fontId="4" type="noConversion"/>
  </si>
  <si>
    <t>MW-A46-B1</t>
  </si>
  <si>
    <t>LCD Splicing Display Unit
Diagonal Size (inch) 46″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022.28mm×576.87mm×125.45mm
Power Supply 100 to 240 VAC
Consumption 141.6 W
Weight 22.5 Kg
Operation Temperature 0°C ~ 40 °C
Operating Humidity 20%~90% (No Condensation)</t>
  </si>
  <si>
    <t>English/Simplified Chinese</t>
    <phoneticPr fontId="4" type="noConversion"/>
  </si>
  <si>
    <t>55 inches</t>
    <phoneticPr fontId="4" type="noConversion"/>
  </si>
  <si>
    <t>3.5mm</t>
    <phoneticPr fontId="4" type="noConversion"/>
  </si>
  <si>
    <t>500cd/m²</t>
    <phoneticPr fontId="4" type="noConversion"/>
  </si>
  <si>
    <t>DVI/VGA/HDMI</t>
    <phoneticPr fontId="4" type="noConversion"/>
  </si>
  <si>
    <t>RS232/IR</t>
    <phoneticPr fontId="4" type="noConversion"/>
  </si>
  <si>
    <t>1213.70(W)×684.50(H)×125.59(D)</t>
    <phoneticPr fontId="4" type="noConversion"/>
  </si>
  <si>
    <t>24.5 Kg</t>
    <phoneticPr fontId="4" type="noConversion"/>
  </si>
  <si>
    <t>MW-A49-B1</t>
  </si>
  <si>
    <t>LCD Splicing Display Unit
Diagonal Size (inch) 49″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078.44mm×608.46mm×124.05mm
Power Supply 100 to 240 VAC
Consumption 136 W
Weight 23.5 Kg
Operation Temperature 0°C ~ 40 °C
Operating Humidity 20%~90% (No Condensation)</t>
  </si>
  <si>
    <t>49 inches</t>
    <phoneticPr fontId="4" type="noConversion"/>
  </si>
  <si>
    <t>1300:1</t>
    <phoneticPr fontId="4" type="noConversion"/>
  </si>
  <si>
    <t>1078.44(W)×608.46(H)×124.05(D)</t>
    <phoneticPr fontId="4" type="noConversion"/>
  </si>
  <si>
    <t>23.5 Kg</t>
    <phoneticPr fontId="4" type="noConversion"/>
  </si>
  <si>
    <t>MW-A55-B1</t>
  </si>
  <si>
    <t>LCD Splicing Display Unit
Diagonal Size (inch) 55″
Backlight LED (Direct type)
Physical Seam 3.5 mm
Resolution 1920×1080
Color 16.7M
Brightness 500 cd/m2
Contrast 4000:1
Response Time 8 ms
Viewing Angle Horizontal 178°, Vertical 178°
Interface
Input Interface 1×VGA, 1×DVI, 1×HDMI
USB 1×USB
Control Interface 1×RS-232 IN, 1×RS-232 OUT, 1×IR
General
Dimensions (W×H×D) 1213.70mm×684.50mm×125.59mm
Power Supply 100 to 240 VAC
Consumption 220 W
Weight 24.5 Kg
Operation Temperature 0°C ~ 40 °C
Operating Humidity 20%~90% (No Condensation)</t>
  </si>
  <si>
    <t>46 inches</t>
    <phoneticPr fontId="4" type="noConversion"/>
  </si>
  <si>
    <t>1022.18(W)×576.87(H)×125.4(D)</t>
    <phoneticPr fontId="4" type="noConversion"/>
  </si>
  <si>
    <t>22.5 Kg</t>
    <phoneticPr fontId="4" type="noConversion"/>
  </si>
  <si>
    <t>HB-2346-P3-C</t>
  </si>
  <si>
    <t>46" LCD Video Wall Structure Unit</t>
  </si>
  <si>
    <t>46" LCD Video Wall Structure Unit</t>
    <phoneticPr fontId="4" type="noConversion"/>
  </si>
  <si>
    <t>HB-2546-P3H06-C</t>
  </si>
  <si>
    <t>46" LCD Video Wall Pedestal(Height 0.6m)</t>
  </si>
  <si>
    <t>46" LCD Video Wall Pedestal(Height 0.6m)</t>
    <phoneticPr fontId="4" type="noConversion"/>
  </si>
  <si>
    <t>HB-2546-P3H08-C</t>
  </si>
  <si>
    <t>46" LCD Video Wall Pedestal(Height 0.8m)</t>
  </si>
  <si>
    <t>46" LCD Video Wall Pedestal(Height 0.8m)</t>
    <phoneticPr fontId="4" type="noConversion"/>
  </si>
  <si>
    <t>HB-2546-P3H09-C</t>
  </si>
  <si>
    <t>46" LCD Video Wall Pedestal(Height 0.9m)</t>
  </si>
  <si>
    <t>46" LCD Video Wall Pedestal(Height 0.9m)</t>
    <phoneticPr fontId="4" type="noConversion"/>
  </si>
  <si>
    <t>HB-2546-P3H10-C</t>
  </si>
  <si>
    <t>46" LCD Video Wall Pedestal(Height 1.0m)</t>
  </si>
  <si>
    <t>46" LCD Video Wall Pedestal(Height 1.0m)</t>
    <phoneticPr fontId="4" type="noConversion"/>
  </si>
  <si>
    <t>HB-2546-P3H11-C</t>
  </si>
  <si>
    <t>46" LCD Video Wall Pedestal(Height 1.1m)</t>
  </si>
  <si>
    <t>46" LCD Video Wall Pedestal(Height 1.1m)</t>
    <phoneticPr fontId="4" type="noConversion"/>
  </si>
  <si>
    <t>HB-2349-P3-C</t>
  </si>
  <si>
    <t>49" LCD Video Wall Structure Unit</t>
  </si>
  <si>
    <t>49" LCD Video Wall Structure Unit</t>
    <phoneticPr fontId="4" type="noConversion"/>
  </si>
  <si>
    <t>HB-2549-P3H06-C</t>
  </si>
  <si>
    <t>49" LCD Video Wall Pedestal(Height 0.6m)</t>
  </si>
  <si>
    <t>49" LCD Video Wall Pedestal(Height 0.6m)</t>
    <phoneticPr fontId="4" type="noConversion"/>
  </si>
  <si>
    <t>49" LCD Video Wall Pedestal(Height 0.8m)</t>
    <phoneticPr fontId="4" type="noConversion"/>
  </si>
  <si>
    <t>HB-2549-P3H09-C</t>
  </si>
  <si>
    <t>49" LCD Video Wall Pedestal(Height 0.9m)</t>
  </si>
  <si>
    <t>49" LCD Video Wall Pedestal(Height 0.9m)</t>
    <phoneticPr fontId="4" type="noConversion"/>
  </si>
  <si>
    <t>HB-2549-P3H10-C</t>
  </si>
  <si>
    <t>49" LCD Video Wall Pedestal(Height 1.0m)</t>
  </si>
  <si>
    <t>49" LCD Video Wall Pedestal(Height 1.0m)</t>
    <phoneticPr fontId="4" type="noConversion"/>
  </si>
  <si>
    <t>HB-2549-P3H11-C</t>
  </si>
  <si>
    <t>49" LCD Video Wall Pedestal(Height 1.1m)</t>
  </si>
  <si>
    <t>49" LCD Video Wall Pedestal(Height 1.1m)</t>
    <phoneticPr fontId="4" type="noConversion"/>
  </si>
  <si>
    <t>HB-2355-P3-C</t>
  </si>
  <si>
    <t>55" LCD Video Wall Structure Unit</t>
  </si>
  <si>
    <t>55" LCD Video Wall Structure Unit</t>
    <phoneticPr fontId="4" type="noConversion"/>
  </si>
  <si>
    <t>HB-2555-P3H06-C</t>
  </si>
  <si>
    <t>55" LCD Video Wall Pedestal(Height 0.6m)</t>
  </si>
  <si>
    <t>55" LCD Video Wall Pedestal(Height 0.6m)</t>
    <phoneticPr fontId="4" type="noConversion"/>
  </si>
  <si>
    <t>HB-2555-P3H08-C</t>
  </si>
  <si>
    <t>55" LCD Video Wall Pedestal(Height 0.8m)</t>
  </si>
  <si>
    <t>55" LCD Video Wall Pedestal(Height 0.8m)</t>
    <phoneticPr fontId="4" type="noConversion"/>
  </si>
  <si>
    <t>HB-2555-P3H09-C</t>
  </si>
  <si>
    <t>55" LCD Video Wall Pedestal(Height 0.9m)</t>
  </si>
  <si>
    <t>55" LCD Video Wall Pedestal(Height 0.9m)</t>
    <phoneticPr fontId="4" type="noConversion"/>
  </si>
  <si>
    <t>HB-2555-P3H10-C</t>
  </si>
  <si>
    <t>55" LCD Video Wall Pedestal(Height 1.0m)</t>
  </si>
  <si>
    <t>55" LCD Video Wall Pedestal(Height 1.0m)</t>
    <phoneticPr fontId="4" type="noConversion"/>
  </si>
  <si>
    <t>HB-2555-P3H11-C</t>
  </si>
  <si>
    <t>55" LCD Video Wall Pedestal(Height 1.1m)</t>
  </si>
  <si>
    <t>55" LCD Video Wall Pedestal(Height 1.1m)</t>
    <phoneticPr fontId="4" type="noConversion"/>
  </si>
  <si>
    <t>Brief description</t>
    <phoneticPr fontId="4" type="noConversion"/>
  </si>
  <si>
    <t>Video input</t>
    <phoneticPr fontId="5" type="noConversion"/>
  </si>
  <si>
    <t>Video output</t>
    <phoneticPr fontId="4" type="noConversion"/>
  </si>
  <si>
    <t>Output resolution</t>
    <phoneticPr fontId="4" type="noConversion"/>
  </si>
  <si>
    <t>Display split</t>
    <phoneticPr fontId="4" type="noConversion"/>
  </si>
  <si>
    <t>Decoding Capability</t>
    <phoneticPr fontId="4" type="noConversion"/>
  </si>
  <si>
    <t>Card slot</t>
    <phoneticPr fontId="4" type="noConversion"/>
  </si>
  <si>
    <t>Video Stream Format</t>
    <phoneticPr fontId="4" type="noConversion"/>
  </si>
  <si>
    <t>Audio in/out</t>
    <phoneticPr fontId="4" type="noConversion"/>
  </si>
  <si>
    <t>Alarm in/out</t>
    <phoneticPr fontId="4" type="noConversion"/>
  </si>
  <si>
    <t>DMC8000-3U</t>
  </si>
  <si>
    <t>Video Wall Controller
Adopts embedded Linux operating system, support stable operation for 7/24 hours.
Plug-in card design, select the input and output cards as you need.
Support window opening, screen splitting, roaming and zooming operations.
Support to save the video wall business layout as scenes, max up to 64 scenes.
Hot-swap fan frame design, intelligent temperature control.
Intelligent monitoring of power supply and temperature. 
Abundant video signal input interfaces: HDMI, DVI, VGA</t>
  </si>
  <si>
    <t>Video Wall Controller</t>
    <phoneticPr fontId="4" type="noConversion"/>
  </si>
  <si>
    <t>HDMI input card
VGA input card
DVI input card</t>
    <phoneticPr fontId="4" type="noConversion"/>
  </si>
  <si>
    <t>DVI output card</t>
    <phoneticPr fontId="4" type="noConversion"/>
  </si>
  <si>
    <t xml:space="preserve">1024×768(XGA)@60HZ, 
1280×720(720P)@60HZ, 
1280×1024(SXGA)@60HZ,   
1600×1200(UXGA)@60HZ, 
440×900(WXGA+)@60HZ, 
1920×1080(1080P)@60HZ, 
1920×1200(WUXGA)@60HZ
</t>
    <phoneticPr fontId="4" type="noConversion"/>
  </si>
  <si>
    <t>1/2/3/4/5/6/7/8/9/10/13/16</t>
    <phoneticPr fontId="4" type="noConversion"/>
  </si>
  <si>
    <t>442(W)×132.0(H)×468.8(D)mm</t>
    <phoneticPr fontId="4" type="noConversion"/>
  </si>
  <si>
    <t>4.0Kg</t>
    <phoneticPr fontId="4" type="noConversion"/>
  </si>
  <si>
    <t>DMC8000-5U</t>
  </si>
  <si>
    <t>442(W)×220.0(H)×468.8(D)mm</t>
    <phoneticPr fontId="4" type="noConversion"/>
  </si>
  <si>
    <t>5.0Kg</t>
    <phoneticPr fontId="4" type="noConversion"/>
  </si>
  <si>
    <t>FB-SC80-M</t>
  </si>
  <si>
    <t xml:space="preserve"> Main control panel</t>
  </si>
  <si>
    <t xml:space="preserve"> Main control panel</t>
    <phoneticPr fontId="4" type="noConversion"/>
  </si>
  <si>
    <t>Working with DMC8000, must be configured</t>
    <phoneticPr fontId="4" type="noConversion"/>
  </si>
  <si>
    <t>FB-SC80-08HI-E</t>
  </si>
  <si>
    <t>8-ch HDMI input card</t>
  </si>
  <si>
    <t>8-ch HDMI input card</t>
    <phoneticPr fontId="4" type="noConversion"/>
  </si>
  <si>
    <t>Working with DMC8000, optional</t>
    <phoneticPr fontId="4" type="noConversion"/>
  </si>
  <si>
    <t>FB-SC80-08VA-E</t>
  </si>
  <si>
    <t>8-ch VGA input card</t>
  </si>
  <si>
    <t>8-ch VGA input card</t>
    <phoneticPr fontId="4" type="noConversion"/>
  </si>
  <si>
    <t>FB-SC80-08DI-E</t>
  </si>
  <si>
    <t>8-ch DVI input card</t>
  </si>
  <si>
    <t>8-ch DVI input card</t>
    <phoneticPr fontId="4" type="noConversion"/>
  </si>
  <si>
    <t>FB-SC80-08DI-X</t>
  </si>
  <si>
    <t>8-ch DVI output card</t>
  </si>
  <si>
    <t>8-ch DVI output card</t>
    <phoneticPr fontId="4" type="noConversion"/>
  </si>
  <si>
    <t>12-ch High Definition Video Decoder</t>
    <phoneticPr fontId="4" type="noConversion"/>
  </si>
  <si>
    <t>16*1200W@20/16*4K@30/64*1080P@30/144*720P@30</t>
    <phoneticPr fontId="4" type="noConversion"/>
  </si>
  <si>
    <t>1/2</t>
    <phoneticPr fontId="4" type="noConversion"/>
  </si>
  <si>
    <t>4/4</t>
    <phoneticPr fontId="4" type="noConversion"/>
  </si>
  <si>
    <t>ADU8706-E</t>
  </si>
  <si>
    <t>6-ch High Definition Video Decoder</t>
  </si>
  <si>
    <t>6-ch High Definition Video Decoder</t>
    <phoneticPr fontId="4" type="noConversion"/>
  </si>
  <si>
    <t>RJ45
2-ch HDMI
2-ch DVI</t>
    <phoneticPr fontId="4" type="noConversion"/>
  </si>
  <si>
    <t>6-ch HDMI</t>
    <phoneticPr fontId="4" type="noConversion"/>
  </si>
  <si>
    <r>
      <t>4K: 3840×2160@30Hz</t>
    </r>
    <r>
      <rPr>
        <b/>
        <sz val="10"/>
        <color theme="1"/>
        <rFont val="宋体"/>
        <family val="3"/>
        <charset val="134"/>
      </rPr>
      <t>，</t>
    </r>
    <r>
      <rPr>
        <b/>
        <sz val="10"/>
        <color theme="1"/>
        <rFont val="Calibri"/>
        <family val="2"/>
      </rPr>
      <t>WUXGA:1920×1200@60Hz</t>
    </r>
    <r>
      <rPr>
        <b/>
        <sz val="10"/>
        <color theme="1"/>
        <rFont val="宋体"/>
        <family val="3"/>
        <charset val="134"/>
      </rPr>
      <t>，</t>
    </r>
    <r>
      <rPr>
        <b/>
        <sz val="10"/>
        <color theme="1"/>
        <rFont val="Calibri"/>
        <family val="2"/>
      </rPr>
      <t>1080P:1920×1080@60Hz</t>
    </r>
    <r>
      <rPr>
        <b/>
        <sz val="10"/>
        <color theme="1"/>
        <rFont val="宋体"/>
        <family val="3"/>
        <charset val="134"/>
      </rPr>
      <t>，</t>
    </r>
    <r>
      <rPr>
        <b/>
        <sz val="10"/>
        <color theme="1"/>
        <rFont val="Calibri"/>
        <family val="2"/>
      </rPr>
      <t>UXGA:1600×1200@60Hz</t>
    </r>
    <r>
      <rPr>
        <b/>
        <sz val="10"/>
        <color theme="1"/>
        <rFont val="宋体"/>
        <family val="3"/>
        <charset val="134"/>
      </rPr>
      <t>，</t>
    </r>
    <r>
      <rPr>
        <b/>
        <sz val="10"/>
        <color theme="1"/>
        <rFont val="Calibri"/>
        <family val="2"/>
      </rPr>
      <t>WXGA+:1440×900@60Hz</t>
    </r>
    <r>
      <rPr>
        <b/>
        <sz val="10"/>
        <color theme="1"/>
        <rFont val="宋体"/>
        <family val="3"/>
        <charset val="134"/>
      </rPr>
      <t>，</t>
    </r>
    <r>
      <rPr>
        <b/>
        <sz val="10"/>
        <color theme="1"/>
        <rFont val="Calibri"/>
        <family val="2"/>
      </rPr>
      <t>SXGA:1280×1024@60Hz</t>
    </r>
    <r>
      <rPr>
        <b/>
        <sz val="10"/>
        <color theme="1"/>
        <rFont val="宋体"/>
        <family val="3"/>
        <charset val="134"/>
      </rPr>
      <t>，</t>
    </r>
    <r>
      <rPr>
        <b/>
        <sz val="10"/>
        <color theme="1"/>
        <rFont val="Calibri"/>
        <family val="2"/>
      </rPr>
      <t>720P:1280×720@60Hz</t>
    </r>
    <r>
      <rPr>
        <b/>
        <sz val="10"/>
        <color theme="1"/>
        <rFont val="宋体"/>
        <family val="3"/>
        <charset val="134"/>
      </rPr>
      <t>，</t>
    </r>
    <r>
      <rPr>
        <b/>
        <sz val="10"/>
        <color theme="1"/>
        <rFont val="Calibri"/>
        <family val="2"/>
      </rPr>
      <t>XGA:1024×768@60Hz</t>
    </r>
  </si>
  <si>
    <t>8*1200W@20/8*4K@30/32*1080P@30/72*720P@30</t>
    <phoneticPr fontId="4" type="noConversion"/>
  </si>
  <si>
    <t>H.265, H.264, MPEG4</t>
    <phoneticPr fontId="4" type="noConversion"/>
  </si>
  <si>
    <t>440(W)×48(H)×340(D)mm</t>
    <phoneticPr fontId="4" type="noConversion"/>
  </si>
  <si>
    <t>0235C485</t>
    <phoneticPr fontId="4" type="noConversion"/>
  </si>
  <si>
    <t>0235C487</t>
    <phoneticPr fontId="4" type="noConversion"/>
  </si>
  <si>
    <t>ADU8709-E</t>
  </si>
  <si>
    <t>9-ch High Definition Video Decoder</t>
  </si>
  <si>
    <t>9-ch High Definition Video Decoder</t>
    <phoneticPr fontId="4" type="noConversion"/>
  </si>
  <si>
    <t>9-ch HDMI</t>
    <phoneticPr fontId="4" type="noConversion"/>
  </si>
  <si>
    <t>12*1200W@20/12*4K@30/48*1080P@30/108*720P@30</t>
    <phoneticPr fontId="4" type="noConversion"/>
  </si>
  <si>
    <t>0235C484</t>
    <phoneticPr fontId="4" type="noConversion"/>
  </si>
  <si>
    <t>0235C488</t>
    <phoneticPr fontId="4" type="noConversion"/>
  </si>
  <si>
    <t>ADU8712-E</t>
  </si>
  <si>
    <t>12-ch High Definition Video Decoder</t>
  </si>
  <si>
    <t>12-ch HDMI</t>
    <phoneticPr fontId="4" type="noConversion"/>
  </si>
  <si>
    <t>0235C483</t>
    <phoneticPr fontId="4" type="noConversion"/>
  </si>
  <si>
    <t>0235C486</t>
    <phoneticPr fontId="4" type="noConversion"/>
  </si>
  <si>
    <t>DC5301</t>
  </si>
  <si>
    <t>1-ch Network Video Decoder</t>
  </si>
  <si>
    <t>RJ45</t>
  </si>
  <si>
    <t xml:space="preserve"> 1-ch HDMI
1-ch VGA
1-ch CVBS</t>
  </si>
  <si>
    <t>(HDMI)3840x2160@60, 3840x2160@30, 1920 x 1080p@60, 1920 x 1080p@50, 1600 x 1200@60, 1440 x 900@60, 1366 x 768@60, 1280 x 1024@60, 1280 x 720@60, 1024 x 720@50, 1024x768@60
(VGA)1920 x 1080p@60, 1920 x 1080p@50, 1600 x 1200@60, 1440 x 900@60, 1366 x 768@60, 1280 x 1024@60, 1280 x 720@60, 1024 x 720@50, 1024x768@60
(CVBS)PAL</t>
  </si>
  <si>
    <t xml:space="preserve">1 /2 /3/ 4/ 7/ 9/ 16
</t>
  </si>
  <si>
    <t>2x1200W@30, 4x8MP@30, 8x1080P@60, 16x1080P@30</t>
  </si>
  <si>
    <t>H.265
H.264
MPEG4
MJPFG</t>
  </si>
  <si>
    <t>4/2</t>
  </si>
  <si>
    <t>189(W) × 40(H) × 250(D)mm</t>
  </si>
  <si>
    <t>2.0Kg</t>
  </si>
  <si>
    <t>DC5504-E</t>
  </si>
  <si>
    <t>4-ch Network Video Decoder</t>
  </si>
  <si>
    <t>RJ45
2-ch HDMI</t>
  </si>
  <si>
    <t>4-ch HDMI</t>
  </si>
  <si>
    <t>3840x2160（4K）@30HZ, 1920X1200（WUXGA）@60HZ, 1920X1080（1080P）@60HZ, 1600X1200（UXGA）@60HZ, 1440x900（WXGA+）@60HZ, 1280x1024（SXGA）@60HZ, 1280x720（720P）@60HZ, 1024x768（XGA）@60HZ</t>
  </si>
  <si>
    <t>1/2/3/4/6/7/8/9/16</t>
  </si>
  <si>
    <t>4x800W@30Hz, 16x1080P@30Hz, 36x720P@30 Hz, 64xD1</t>
  </si>
  <si>
    <t>H.265, H.264, MPEG4</t>
  </si>
  <si>
    <t>6/3</t>
  </si>
  <si>
    <t>440(W)×44(H)×339(D)mm</t>
  </si>
  <si>
    <t>3.28Kg</t>
  </si>
  <si>
    <t>DC5506</t>
  </si>
  <si>
    <t>6-ch Network Video Decoder</t>
  </si>
  <si>
    <t>6-ch HDMI</t>
  </si>
  <si>
    <t>6x800W@30 Hz, 24x1080P@30 Hz, 54x720P@30 Hz, 96xD1</t>
  </si>
  <si>
    <t>3.30Kg</t>
  </si>
  <si>
    <t>DC5509</t>
  </si>
  <si>
    <t>9-ch Network Video Decoder</t>
  </si>
  <si>
    <t>9-ch HDMI</t>
  </si>
  <si>
    <t>9x800W@30 Hz, 36x1080P@30 Hz, 81x720P@30 Hz, 144xD1</t>
  </si>
  <si>
    <t>3.37Kg</t>
  </si>
  <si>
    <t>VS-ECDC</t>
  </si>
  <si>
    <t>Non-Brand EC/DC1000 Series AC-DC Adapter</t>
  </si>
  <si>
    <t>KIT-ECDC-9-PWR1</t>
  </si>
  <si>
    <t xml:space="preserve">UNV ECDC-9-VS0M9ECDC- ECDC-9-VS0M9150A-150W </t>
  </si>
  <si>
    <t>LED Видеостены</t>
  </si>
  <si>
    <t>Pixel Pitch</t>
    <phoneticPr fontId="5" type="noConversion"/>
  </si>
  <si>
    <t>LED Type</t>
    <phoneticPr fontId="4" type="noConversion"/>
  </si>
  <si>
    <t>Package Brand</t>
    <phoneticPr fontId="4" type="noConversion"/>
  </si>
  <si>
    <t>Module Resolution</t>
    <phoneticPr fontId="4" type="noConversion"/>
  </si>
  <si>
    <t>Module Dimensions</t>
    <phoneticPr fontId="4" type="noConversion"/>
  </si>
  <si>
    <t>Cabinet Resolution</t>
    <phoneticPr fontId="4" type="noConversion"/>
  </si>
  <si>
    <t>Cabinet Dimensions</t>
    <phoneticPr fontId="4" type="noConversion"/>
  </si>
  <si>
    <t>Cabinet Weight</t>
    <phoneticPr fontId="4" type="noConversion"/>
  </si>
  <si>
    <t>Maintenance Mode</t>
    <phoneticPr fontId="4" type="noConversion"/>
  </si>
  <si>
    <t>MW7212-E-BL-U</t>
  </si>
  <si>
    <t>Indoor Fine Pixel LED. Pixel pitch 1.24</t>
  </si>
  <si>
    <t>1.24mm</t>
    <phoneticPr fontId="4" type="noConversion"/>
  </si>
  <si>
    <t>SMD</t>
    <phoneticPr fontId="4" type="noConversion"/>
  </si>
  <si>
    <t>Nationstar Copper</t>
    <phoneticPr fontId="4" type="noConversion"/>
  </si>
  <si>
    <t>128×145</t>
    <phoneticPr fontId="4" type="noConversion"/>
  </si>
  <si>
    <t>160(W)×180(H)</t>
    <phoneticPr fontId="4" type="noConversion"/>
  </si>
  <si>
    <t>512×290</t>
    <phoneticPr fontId="4" type="noConversion"/>
  </si>
  <si>
    <t>640(W)×360(H)×54.5(D)</t>
    <phoneticPr fontId="4" type="noConversion"/>
  </si>
  <si>
    <t>6.95kg</t>
    <phoneticPr fontId="4" type="noConversion"/>
  </si>
  <si>
    <t>160°(H)
140°(V)</t>
    <phoneticPr fontId="4" type="noConversion"/>
  </si>
  <si>
    <t>800cd/m²</t>
    <phoneticPr fontId="4" type="noConversion"/>
  </si>
  <si>
    <t>4000:1</t>
    <phoneticPr fontId="4" type="noConversion"/>
  </si>
  <si>
    <t>Front Maintenance</t>
    <phoneticPr fontId="4" type="noConversion"/>
  </si>
  <si>
    <t>MW7212-E-U</t>
  </si>
  <si>
    <t>Nationstar Gold</t>
    <phoneticPr fontId="4" type="noConversion"/>
  </si>
  <si>
    <t>MW7214-E-BL-U</t>
  </si>
  <si>
    <t>Indoor Fine Pixel LED. Pixel pitch 1.45</t>
  </si>
  <si>
    <t>1.45mm</t>
    <phoneticPr fontId="4" type="noConversion"/>
  </si>
  <si>
    <t>110×124</t>
    <phoneticPr fontId="4" type="noConversion"/>
  </si>
  <si>
    <t>440×248</t>
    <phoneticPr fontId="4" type="noConversion"/>
  </si>
  <si>
    <t>MW7214-E-U</t>
  </si>
  <si>
    <t>MW7215-E-BL-U</t>
  </si>
  <si>
    <t>Indoor Fine Pixel LED. Pixel pitch 1.55</t>
  </si>
  <si>
    <t>1.55mm</t>
    <phoneticPr fontId="4" type="noConversion"/>
  </si>
  <si>
    <t>102×116</t>
    <phoneticPr fontId="4" type="noConversion"/>
  </si>
  <si>
    <t>408×232</t>
    <phoneticPr fontId="4" type="noConversion"/>
  </si>
  <si>
    <t>MW7215-E-U</t>
  </si>
  <si>
    <t>MW7216-E-BL-U</t>
  </si>
  <si>
    <t>Indoor Fine Pixel LED. Pixel pitch 1.667</t>
  </si>
  <si>
    <t>1.667mm</t>
    <phoneticPr fontId="4" type="noConversion"/>
  </si>
  <si>
    <t>96×108</t>
    <phoneticPr fontId="4" type="noConversion"/>
  </si>
  <si>
    <t>384×216</t>
    <phoneticPr fontId="4" type="noConversion"/>
  </si>
  <si>
    <t>MW7216-E-U</t>
  </si>
  <si>
    <t>MW7218-E-DL-U</t>
  </si>
  <si>
    <t>Indoor Fine Pixel LED. Pixel pitch 1.875</t>
  </si>
  <si>
    <t>1.875mm</t>
    <phoneticPr fontId="4" type="noConversion"/>
  </si>
  <si>
    <t>Xindeco Copper</t>
    <phoneticPr fontId="4" type="noConversion"/>
  </si>
  <si>
    <t>85×96</t>
    <phoneticPr fontId="4" type="noConversion"/>
  </si>
  <si>
    <t>340×192</t>
    <phoneticPr fontId="4" type="noConversion"/>
  </si>
  <si>
    <t>MW7225</t>
  </si>
  <si>
    <t>Indoor Fine Pixel LED. Pixel pitch 2.5</t>
  </si>
  <si>
    <t>2.5mm</t>
    <phoneticPr fontId="4" type="noConversion"/>
  </si>
  <si>
    <t>Huatian Copper</t>
    <phoneticPr fontId="4" type="noConversion"/>
  </si>
  <si>
    <t>96×96</t>
    <phoneticPr fontId="4" type="noConversion"/>
  </si>
  <si>
    <t>240(W)×240(H)</t>
    <phoneticPr fontId="4" type="noConversion"/>
  </si>
  <si>
    <t>192×192</t>
    <phoneticPr fontId="4" type="noConversion"/>
  </si>
  <si>
    <t>480(W)×480(H)×61(D)</t>
    <phoneticPr fontId="4" type="noConversion"/>
  </si>
  <si>
    <t>8.5kg</t>
    <phoneticPr fontId="4" type="noConversion"/>
  </si>
  <si>
    <t>140°(H)
140°(V)</t>
    <phoneticPr fontId="4" type="noConversion"/>
  </si>
  <si>
    <t>1200cd/m²</t>
    <phoneticPr fontId="4" type="noConversion"/>
  </si>
  <si>
    <t>MW7303-S</t>
  </si>
  <si>
    <t>Indoor Fixed LED. Pixel pitch: 3
Key Features
 Broadcast grey processing gives more image details
 Superior brightness and color uniformity maintains smooth and complete image quality
 Bezel free native 1080P, 4K and customized resolution LED video wall system
 High brightness provides vivid images in a range of lighting conditions
 Superior contrast ratio
 Ultra high refresh rate up to 3840HZ
 Super Wide voltage power supply(90~264V)
 Low heating and natural heat dissipation mechanism enables fan-less design, no noise
 Support 7*24 working and lower power consumption
 Long service life
 Maintain from the front of the LED making it ideal for space-constrained installations and eliminating the need for rear access space.
LED Module
Module type
Surface mounted trinity LED
Pixel pitch
3
Resolution (W×H)
64×64
Dimensions (W×H)
192 mm×192 mm LED Unit
Dimensions (W×H×D)
576mm×576mm×95mm
Modules Component(W×H)
3×3
Resolution(W×H)
192×192
Weight(Kg)
8.00
Screen Area
0.3318 m2
Pixel Density
111111 pitch/ m2
Surface evenness
≤0.5
Cabinet Material
Iron Optical
Single Pixel Brightness Correction
Support
Single Pixel Color Correction
Support
Brightness(nits)
700 adjustable
Color Temperature(K)
3000 to 9000 adjustable
Viewing Angle
Horizontal 120°, Vertical 120°
Center distance deviation of LED
≤3%
Brightness uniformity
≥97%
Color uniformity
≤ ± 0.003 Cx, Cy
Contrast
≥3000:1 Processing Performance
Grey Level
14 bit
Driving Mode
Constant current driving, 1/32 scan
Frame Frequency
50/60 Hz
Refresh Rate
3840 Hz Electrical
Power Supply
90 to 264 VAC
Average Consumption
220 W/ m2
Max consumption
600 W/ m2 General
Maintenance Mode
Rear / Front Maintenance optional
Ingress protection
IP54
3
DATASHEET
Operation Temperature
Operation Temperature
-10°C ~ 40 °C
Operating Humidity
Operating Humidity
10%~85% (No Condensation)
Storage Temperature
Storage Temperature
-10°C ~ 55°C
Storage Humidity
Storage Humidity
10%~90% (No Condensation)
Working Hours
Working Hours
≥100,000</t>
  </si>
  <si>
    <t>MW7304-S</t>
  </si>
  <si>
    <t>Indoor Fixed LED. Pixel pitch 3.95mm
Key Features
 Broadcast grey processing gives more image details
 Superior brightness and color uniformity maintains smooth and complete image quality
 Bezel-free native 1080P, 4K and customized resolution LED video wall system
 High brightness provides vivid images in a range of lighting conditions
 Superior contrast ratio
 Ultra high refresh rate up to 3840HZ
 Super Wide voltage power supply(90~264V)
 Low heating and natural heat dissipation mechanism enables fan-less design, no noise
 Support 7*24 working and lower power consumption
 Long service life
LED Module
Module type Surface mounted trinity LED
Pixel pitch 3.95mm
Resolution (W×H) 64×64
Dimensions (W×H) 256 mm×128 mm
LED Unit
Dimensions (W×H×D) 768mm×768mm×95mm
Modules Component(W×H) 3×6
Resolution(W×H) 194×194
Weight(Kg) 14.00
Screen Area 0.5898 m2
Pixel Density 62500 pitch/ m2
Surface evenness ≤0.5
Cabinet Material Iron
Optical
Single Pixel Brightness Correction Support
Single Pixel Color Correction Support
Brightness(nits) 800 adjustable 
Color Temperature(K) 3000 to 9000 adjustable
Viewing Angle Horizontal 120°, Vertical 120°
Center distance deviation of LED ≤3%
Brightness uniformity ≥97%
Color uniformity ≤ ± 0.003 Cx, Cy
Contrast ≥3000:1
Processing Performance
Grey Level 14 bit
Scan Mode 16s
Frame Frequency 50/60 Hz
Refresh Rate 3840 Hz
Electrical
Power Supply 90 to 264 VAC
Average Consumption 240 W/ m2
Max consumption 720 W/ m2
General
Maintenance Mode Rear / Front Maintenance optional
Ingress protection IP5x
Operation Temperature -10°C ~ 40 °C
Operating Humidity 8%~85% (No Condensation)
Storage Temperature -10°C ~ 55°C
Storage Humidity 10%~90% (No Condensation)
Working Hours ≥100,000H</t>
  </si>
  <si>
    <t>UNV-S4</t>
  </si>
  <si>
    <t>Sender
Key Features
 HDMI and DVI signal input Interface with HDMI signal loop output Interface
 Maximum input resolution: 1920*1200 pixels
 Maximum loading capacity: 2.30 million pixels, maximum width: 4096pixels, maximum height: 2560 pixels
 4 gigabit Ethernet outputs support screen arbitrary splicing
 Dual USB2.0 for high speed configuration and easy cascading
 Improved grayscale performance at low brightness
 Supporting AC 100-240V working voltage
 Support brightness and chromaticity adjustment 
 Support HDCP
Video source interface
Interface Type 1*DVI+1*HDMI+1*HDMI_LOOP
Input Resolution 1920*1200 pixels maximum
Video Source Frame Rate 60Hz, support auto-adjustment
Receive Area Can be set freely
Output
Net Interface Number 4 gigabit Ethernet Interface
Control Area 2.3million pixels maximum, maximum width: 4096pixels, maximum height: 2560 pixels
Transmission Distance CAT5≤140M；CAT6≤170M；Optical fiber: No limitation
Cascading Up-down or left-right cascading defined by user
Transmission Mode Frame mode (Gigabit Ethernet) with CRC
Connection equipment
Peripherals Multifunction card, optical fiber transceivers, gigabit switcher
Specification parameter
Dimensions（mm） 440(W)×240(D)×44(H)
Weight 2.0kg
Electrical
Power Supply AC 100~240V
Rated Power Consumption 20W
External interfaces
Configuration Interface USB 2.0*1
DVI Information Present info about frame rate, blanking value, clock, display status of video card and video processor
Brightness Adjustment Adjustment by knob, auto saved in sending card, what you see is what you get
Real Time Configuration Support
Brightness and Chromaticity
Adjustment Support
Smart Detection System DVI interface detection, temperature detection
More functions
Cascading Via USB interface Support synchronous parameter setting and read back
Multiple Screen Control Multiple screens with different sizes can be controlled simultaneously
Background Playing Support (Extended mode)
BER Detection Ethernet cable quality and malfunction detection</t>
  </si>
  <si>
    <r>
      <t>Interface Type: 1*DVI, 1*HDMI
Input Resolution: 1920*1200 pixels maximum
Network Interface: 4 gigabit Ethernet Interface
Configuration Interface: USB 2.0*1
Control Area: 2.3million pixels maximum, maximum width: 4096pixels, maximum height: 2560 pixels
Transmission Distance: CAT5</t>
    </r>
    <r>
      <rPr>
        <b/>
        <sz val="8"/>
        <color theme="1"/>
        <rFont val="宋体"/>
        <family val="3"/>
        <charset val="134"/>
      </rPr>
      <t>≤</t>
    </r>
    <r>
      <rPr>
        <b/>
        <sz val="8"/>
        <color theme="1"/>
        <rFont val="Calibri"/>
        <family val="2"/>
      </rPr>
      <t>140M</t>
    </r>
    <r>
      <rPr>
        <b/>
        <sz val="8"/>
        <color theme="1"/>
        <rFont val="宋体"/>
        <family val="3"/>
        <charset val="134"/>
      </rPr>
      <t>；</t>
    </r>
    <r>
      <rPr>
        <b/>
        <sz val="8"/>
        <color theme="1"/>
        <rFont val="Calibri"/>
        <family val="2"/>
      </rPr>
      <t>CAT6</t>
    </r>
    <r>
      <rPr>
        <b/>
        <sz val="8"/>
        <color theme="1"/>
        <rFont val="宋体"/>
        <family val="3"/>
        <charset val="134"/>
      </rPr>
      <t>≤</t>
    </r>
    <r>
      <rPr>
        <b/>
        <sz val="8"/>
        <color theme="1"/>
        <rFont val="Calibri"/>
        <family val="2"/>
      </rPr>
      <t>170M</t>
    </r>
    <r>
      <rPr>
        <b/>
        <sz val="8"/>
        <color theme="1"/>
        <rFont val="宋体"/>
        <family val="3"/>
        <charset val="134"/>
      </rPr>
      <t>；</t>
    </r>
    <r>
      <rPr>
        <b/>
        <sz val="8"/>
        <color theme="1"/>
        <rFont val="Calibri"/>
        <family val="2"/>
      </rPr>
      <t>Optical fiber: No limitation
Dimensions(mm): 440(W)×240(D)×44(H); Weight: 2.0kg
Power Supply: AC 100~240V; Rated Power Consumption: 20W</t>
    </r>
  </si>
  <si>
    <t>MW7504</t>
  </si>
  <si>
    <t>Outdoor(уличная) Fixed LED. Pixel pitch: 4
Key Features
 Broadcast grey processing gives more image details
 Superior brightness and color uniformity maintains smooth and complete image quality
 Bezel free native 1080P, 4K and customized resolution LED video wall system
 High brightness up to 5500nits
 High refresh rate up
 Super Wide voltage power supply(90~264V)
 Low heating and natural heat dissipation mechanism enables fan-less design, no noise
 Support 7*24 working and lower power consumption
 Fully sealed construction with IP65 protection
 Long service life
 Maintain from the front of the LED making it ideal for space-constrained installations and eliminating the need for rear access space.
LED Module
Module type
Surface mounted trinity LED
Pixel pitch
4
Resolution (W×H)
80×40
Dimensions (W×H)
320 mm×160 mm LED Unit
Dimensions (W×H×D)
960mm×960mm×132mm
Modules Component(W×H)
3×6
Resolution(W×H)
240×240
Weight(Kg)
31.5
Screen Area
0.9216 m2
Pixel Density
62500 pitch/ m2
Surface evenness
≤0.15
Cabinet Material
Die-cast aluminum Optical
Single Pixel Brightness Correction
Support
Single Pixel Color Correction
Support
Brightness(nits)
5500 adjustable
Color Temperature(K)
2000K to 9300K adjustable
Viewing Angle
Horizontal 140°, Vertical 140°
Center distance deviation of LED
≤2.5%
Brightness uniformity
≥98%
Color uniformity
≤ ± 0.003 Cx, Cy
Contrast
≥3000:1 Processing Performance
Grey Level
14 bit
Driving Mode
Constant current driving
Frame Frequency
50/60 Hz
Refresh Rate
≥2000 Hz Electrical
Power Supply
90 to 264 VAC
Average Consumption
380 W/ m2
Max consumption
1100 W/ m2 General
Maintenance Mode
Rear / Front Maintenance optional
Ingress protection
IP65
3
DATASHEET
Operation Temperature
Operation Temperature
-40°C ~ 65 °C
Operating Humidity
Operating Humidity
10%~90% (No Condensation)
Storage Temperature
Storage Temperature
-40°C ~85°C
Storage Humidity
Storage Humidity
10%~95% (No Condensation)
Working Hours
Working Hours
≥100,000</t>
  </si>
  <si>
    <t>MW7505</t>
  </si>
  <si>
    <t>Outdoor(уличная) Fixed LED. Pixel pitch: 5</t>
  </si>
  <si>
    <t>MW7506</t>
  </si>
  <si>
    <t>Outdoor(уличная) Fixed LED. Pixel pitch: 6</t>
  </si>
  <si>
    <t>MW7508</t>
  </si>
  <si>
    <t>Outdoor(уличная) Fixed LED. Pixel pitch: 8
Key Features
 Broadcast grey processing gives more image details
 Superior brightness and color uniformity maintains smooth and complete image quality
 Bezel free native 1080P, 4K and customized resolution LED video wall system
 High brightness up to 5500nits
 High refresh rate up
 Super Wide voltage power supply(90~264V)
 Low heating and natural heat dissipation mechanism enables fan-less design, no noise
 Support 7*24 working and lower power consumption
 Fully sealed construction with IP65 protection
 Long service life
LED Module
Module type
Surface mounted trinity LED
Pixel pitch
8
Resolution (W×H)
40×20
Dimensions (W×H)
320 mm×160 mm LED Unit
Dimensions (W×H×D)
960mm×960mm×132mm
Modules Component(W×H)
3×6
Resolution(W×H)
120×120
Weight(Kg)
31.5
Screen Area
0.9216 m2
Pixel Density
15625 pitch/ m2
Surface evenness
≤0.15
Cabinet Material
Die-cast aluminum Optical
Single Pixel Brightness Correction
Support
Single Pixel Color Correction
Support
Brightness(nits)
5500 adjustable
Color Temperature(K)
2000K to 9300K adjustable
Viewing Angle
Horizontal 140°, Vertical 140°
Center distance deviation of LED
≤2.5%
Brightness uniformity
≥98%
Color uniformity
≤ ± 0.003 Cx, Cy
Contrast
≥3000:1 Processing Performance
Grey Level
14 bit
Scan mode
5s
Driving Mode
Constant current driving
Frame Frequency
50/60 Hz
Refresh Rate
≥2000 Hz Electrical
Power Supply
90 to 264 VAC
Average Consumption
290 W/ m2
Max consumption
850 W/ m2 General
Maintenance Mode
Rear / Front Maintenance optional
3
DATASHEET
Ingress protection
IP65
Operation Temperature
Operation Temperature
-40°C ~ 65 °C
Operating Humidity
Operating Humidity
10%~90% (No Condensation)
Storage
Storage TemperatureTemperature
-40°C ~85°C
Storage Humidity
Storage Humidity
10%~95% (No Condensation)
Working Hours
Working Hours
≥100,000</t>
  </si>
  <si>
    <t>UNV-C6</t>
  </si>
  <si>
    <t>MW7215-A-FL-U</t>
  </si>
  <si>
    <t>Indoor Fine Pixel LED. Pixel Pitch 1.5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5mm
Resolution (W×H) 152×152
Dimensions (W×H) 240 mm×240mm
LED Unit
Dimensions (W×H×D) 480mm×480mm×59.6mm
Modules Component(W×H) 2×2
Resolution(W×H) 304×304
Weight(Kg) 5.18
Screen Area 0.2304 m2
Pixel Density 401111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38 scan
Frame Frequency 50/60 Hz
Refresh Rate 3840Hz
Electrical
Power Supply 100 to 240 V AC
Max Consumption 629 W/ m2
Average Consumption 395 W/ m2
General
Maintenance Mode Front/Back Maintenance
Ingress Protection IP5X
Operation Temperature -10°C ~ 40 °C
Operating Humidity 8%~85% (No Condensation)
Storage Temperature -10°C ~ 55°C
Storage Humidity 10%~90% (No Condensation)
Working Hours ≥100,000</t>
  </si>
  <si>
    <t>1.5mm</t>
    <phoneticPr fontId="4" type="noConversion"/>
  </si>
  <si>
    <t>152×152</t>
    <phoneticPr fontId="4" type="noConversion"/>
  </si>
  <si>
    <t>304×304</t>
    <phoneticPr fontId="4" type="noConversion"/>
  </si>
  <si>
    <t>480(W)×480(H)×59.6(D)</t>
    <phoneticPr fontId="4" type="noConversion"/>
  </si>
  <si>
    <t>5.18kg</t>
    <phoneticPr fontId="4" type="noConversion"/>
  </si>
  <si>
    <t>700cd/m²</t>
    <phoneticPr fontId="4" type="noConversion"/>
  </si>
  <si>
    <t>Front/Rear Maintenance</t>
    <phoneticPr fontId="4" type="noConversion"/>
  </si>
  <si>
    <t>MW7216-A-FL-U</t>
  </si>
  <si>
    <t>Indoor Fine Pixel LED. Pixel Pitch 1.6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6mm
Resolution (W×H) 144×144
Dimensions (W×H) 240 mm×240mm
LED Unit
Dimensions (W×H×D) 480mm×480mm×59.6mm
Modules Component(W×H) 2×2
Resolution(W×H) 288×288
Weight(Kg) 5.18
Screen Area 0.2304 m2
Pixel Density 360000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48 scan
Frame Frequency 50/60 Hz
Refresh Rate 3840 Hz
Electrical
Power Supply 100 to 240 V AC
Max Consumption 634 W/ m2
Average Consumption 352 W/ m2
General
Maintenance Mode Front/Back Maintenance
Ingress Protection IP5X
Operation Temperature -10°C ~ 40 °C
Operating Humidity 8%~85% (No Condensation)
Storage Temperature -10°C ~ 55°C
Storage Humidity 10%~90% (No Condensation)
Working Hours ≥100,000</t>
  </si>
  <si>
    <t>1.6mm</t>
    <phoneticPr fontId="4" type="noConversion"/>
  </si>
  <si>
    <t>144×144</t>
    <phoneticPr fontId="4" type="noConversion"/>
  </si>
  <si>
    <t>288×288</t>
    <phoneticPr fontId="4" type="noConversion"/>
  </si>
  <si>
    <t>MW7218-A-FL-U</t>
  </si>
  <si>
    <t>Indoor Fine Pixel LED. Pixel Pitch 1.8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1.8mm
Resolution (W×H) 128×128
Dimensions (W×H) 240 mm×240mm
LED Unit
Dimensions (W×H×D) 480mm×480mm×59.6mm
Modules Component(W×H) 2×2
Resolution(W×H) 256×256
Weight(Kg) 5.18
Screen Area 0.2304 m2
Pixel Density 284444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64 scan
Frame Frequency 50/60 Hz
Refresh Rate 3840 Hz
Electrical
Power Supply 100 to 240 V AC
Max Consumption 386 W/ m2
Average Consumption 192 W/ m2
General
Maintenance Mode Front/Back Maintenance
Ingress Protection IP5X
Operation Temperature -10°C ~ 40 °C
Operating Humidity 8%~85% (No Condensation)
Storage Temperature -10°C ~ 55°C
Storage Humidity 10%~90% (No Condensation)
Working Hours ≥100,000</t>
  </si>
  <si>
    <t>1.8mm</t>
    <phoneticPr fontId="4" type="noConversion"/>
  </si>
  <si>
    <t>128×128</t>
    <phoneticPr fontId="4" type="noConversion"/>
  </si>
  <si>
    <t>256×256</t>
    <phoneticPr fontId="4" type="noConversion"/>
  </si>
  <si>
    <t>MW7225-A-FL-U</t>
  </si>
  <si>
    <t>Indoor Fine Pixel LED. Pixel Pitch 2.5mm
 Broadcast grey processing gives more image details.
 Superior brightness and color uniformity maintains smooth and complete image quality.
 Bezel-free native 1080P, 4K and customized resolution LED video wall system.
 High brightness provides vivid images in a range of lighting conditions.
 Superior contrast ratio.
 Ultra high refresh rate.
 Wide view of field:160°(H)/ 140°(V).
 Low heating and natural heat dissipation mechanism enables fan-less design, no noise.
 Support 7*24 working and lower power consumption.
 Long service life.
 Maintain from the front of the LED making it ideal for space-constrained installations and eliminating the need for rear access space.
LED Module
Pixel Pitch 2.5mm
Resolution (W×H) 96×96
Dimensions (W×H) 240 mm×240mm
LED Unit
Dimensions (W×H×D) 480mm×480mm×59.6mm
Modules Component(W×H) 2×2
Resolution(W×H) 192×192
Weight(Kg) 5.18
Screen Area 0.2304 m2
Pixel Density 160000 pitch/ m2
Surface Evenness ≤0.15
Material Die-casting Aluminum
Optical
Single Pixel Brightness Correction Support
Single Pixel Color Correction Support
Brightness(nits) 50 to 700 adjustable
Color Temperature(K) 3000 to 10000 adjustable
Viewing Angle Horizontal 160°, Vertical 140°
Center distance deviation of LED ≤2.5%
Brightness Uniformity ≥97%
Color Uniformity ≤ ± 0.003 Cx, Cy
Contrast ≥4000:1
Processing Performance
Grey Level 14 bit
Driving Mode Constant current driving, 1/48 scan
Frame Frequency 50/60 Hz
Refresh Rate 3840 Hz
Electrical
Power Supply 100 to 240 V AC
Max Consumption 309 W/ m2
Average Consumption 130 W/ m2
General
Maintenance Mode Front/Back Maintenance
Ingress Protection IP5X
Operation Temperature -10°C ~ 40 °C
Operating Humidity 8%~85% (No Condensation)
Storage Temperature -10°C ~ 55°C
Storage Humidity 10%~90% (No Condensation)
Working Hours ≥100,000</t>
  </si>
  <si>
    <t>UNV-MCTRL600</t>
  </si>
  <si>
    <t>IPC2123LB-AF28KM-G</t>
  </si>
  <si>
    <t>IPC2123LB-AF28KM-G-RU</t>
  </si>
  <si>
    <t>IPC2123LB-AF40KM-G</t>
  </si>
  <si>
    <t>IPC2123LB-AF40KM-G-RU</t>
  </si>
  <si>
    <t>Easystar</t>
  </si>
  <si>
    <t>IPC2122LR3-PF28M-D</t>
  </si>
  <si>
    <t>IPC2122LR3-PF28M-D-RU</t>
  </si>
  <si>
    <r>
      <t xml:space="preserve">Видеокамера IP Уличная цилиндрическая </t>
    </r>
    <r>
      <rPr>
        <b/>
        <sz val="11"/>
        <rFont val="Calibri"/>
        <family val="2"/>
      </rPr>
      <t>2 Мп</t>
    </r>
    <r>
      <rPr>
        <sz val="11"/>
        <rFont val="Calibri"/>
        <family val="2"/>
      </rPr>
      <t xml:space="preserve"> с ИК подсветкой до 30м, фикс. объектив 2.8/4.0/6.0 мм 1/2.7" CMOS,  угол обзора 112.7°/86.5°/ 55.4°, ICR, 1920x1080:25fps, тройной видеопоток, DWDR, Ultra 265/H.264/MJPEG, ICR, 0.02Lux минимальная освещенность, IP67; -40°C до +60°C; 12V, PoE (IEEE802.3 af), Потребляемая мощность: макс. 6,4 Вт. 0.45кг  Металлический корпус.</t>
    </r>
  </si>
  <si>
    <t>IPC2122LR3-PF40M-D</t>
  </si>
  <si>
    <t>IPC2122LR3-PF40M-D-RU</t>
  </si>
  <si>
    <t>IPC2122LR3-PF60M-D</t>
  </si>
  <si>
    <t>IPC2122LR3-PF60M-D-RU</t>
  </si>
  <si>
    <t>IPC2124LR3-PF28M-D</t>
  </si>
  <si>
    <t>IPC2124LR3-PF28M-D-RU</t>
  </si>
  <si>
    <r>
      <t xml:space="preserve">Видеокамера IP Уличная цилиндрическая </t>
    </r>
    <r>
      <rPr>
        <b/>
        <sz val="11"/>
        <rFont val="Calibri"/>
        <family val="2"/>
      </rPr>
      <t xml:space="preserve">4 Мп </t>
    </r>
    <r>
      <rPr>
        <sz val="11"/>
        <rFont val="Calibri"/>
        <family val="2"/>
      </rPr>
      <t>с ИК подсветкой до 30м, фикс. объектив 2.8/4.0/6.0 мм 1/3" CMOS, угол обзора 104.4°/78.9°/49.9°,  ICR, 2592×1520:20fps / 1920x1080:25fps, тройной видеопоток, DWDR, Ultra 265/H.264/MJPEG, ICR, 0.03Lux (F2.0, AGC ON) минимальная освещенность, IP67; -40°C до +60°C; 12V, PoE (IEEE802.3 af), Потребляемая мощность: макс. 6,4 Вт. 0.45кг Металлический корпус.</t>
    </r>
  </si>
  <si>
    <t>IPC2124LR3-PF40M-D</t>
  </si>
  <si>
    <t>IPC2124LR3-PF40M-D-RU</t>
  </si>
  <si>
    <t>IPC2124LR3-PF60M-D</t>
  </si>
  <si>
    <t>IPC2124LR3-PF60M-D-RU</t>
  </si>
  <si>
    <t>IPC2125LR3-PF40M-D</t>
  </si>
  <si>
    <t>IPC2125LR3-PF40M-D-RU</t>
  </si>
  <si>
    <r>
      <t xml:space="preserve">Видеокамера IP Уличная цилиндрическая </t>
    </r>
    <r>
      <rPr>
        <b/>
        <sz val="11"/>
        <rFont val="Calibri"/>
        <family val="2"/>
      </rPr>
      <t>5 Мп</t>
    </r>
    <r>
      <rPr>
        <sz val="11"/>
        <rFont val="Calibri"/>
        <family val="2"/>
      </rPr>
      <t xml:space="preserve"> с ИК подсветкой до 30м, фикс. объектив 4.0 мм 1/2,7" CMOS, угол обзора 79.7°,  ICR, 2592×1944:20fps, DWDR, Ultra 265/H.264/MJPEG, ICR, 0,01 Lux минимальная освещенность, IP67; -40°C до +60°C; 12V, PoE (IEEE802.3 af), Потребляемая мощность: макс. 5,5 Вт. Металлический корпус.</t>
    </r>
  </si>
  <si>
    <t>IPC2125LR3-PF60M-D</t>
  </si>
  <si>
    <t>IPC2125LR3-PF60M-D-RU</t>
  </si>
  <si>
    <r>
      <t xml:space="preserve">Видеокамера IP Уличная цилиндрическая </t>
    </r>
    <r>
      <rPr>
        <b/>
        <sz val="11"/>
        <rFont val="Calibri"/>
        <family val="2"/>
      </rPr>
      <t>5 Мп</t>
    </r>
    <r>
      <rPr>
        <sz val="11"/>
        <rFont val="Calibri"/>
        <family val="2"/>
      </rPr>
      <t xml:space="preserve"> с ИК подсветкой до 30м, фикс. объектив 6.0 мм 1/2,7" CMOS, угол обзора 50.5°,  ICR, 2592×1944:20fps, DWDR, Ultra 265/H.264/MJPEG, ICR, 0,01 Lux минимальная освещенность, IP67; -40°C до +60°C; 12V, PoE (IEEE802.3 af), Потребляемая мощность: макс. 5,5 Вт. Металлический корпус.</t>
    </r>
  </si>
  <si>
    <t>IPC2C22LE-SF40-WL</t>
  </si>
  <si>
    <t>IPC2C22LE-SF40-WL-RU</t>
  </si>
  <si>
    <t>EasyColor</t>
  </si>
  <si>
    <r>
      <t xml:space="preserve">Видеокамера IP Уличная цилиндрическая </t>
    </r>
    <r>
      <rPr>
        <b/>
        <sz val="10"/>
        <color rgb="FFFF0000"/>
        <rFont val="Calibri"/>
        <family val="2"/>
      </rPr>
      <t>2 Мп</t>
    </r>
    <r>
      <rPr>
        <sz val="10"/>
        <rFont val="Calibri"/>
        <family val="2"/>
      </rPr>
      <t xml:space="preserve"> с </t>
    </r>
    <r>
      <rPr>
        <b/>
        <sz val="10"/>
        <color rgb="FFFF0000"/>
        <rFont val="Calibri"/>
        <family val="2"/>
      </rPr>
      <t>LED подсветкой</t>
    </r>
    <r>
      <rPr>
        <sz val="10"/>
        <rFont val="Calibri"/>
        <family val="2"/>
      </rPr>
      <t xml:space="preserve"> до 30м (4 LEDs)</t>
    </r>
    <r>
      <rPr>
        <b/>
        <sz val="10"/>
        <rFont val="Calibri"/>
        <family val="2"/>
      </rPr>
      <t>,</t>
    </r>
    <r>
      <rPr>
        <sz val="10"/>
        <rFont val="Calibri"/>
        <family val="2"/>
      </rPr>
      <t xml:space="preserve"> фикс. объектив 4/6.0мм 1/2.7" CMOS,  угол обзора 86.5°/55.4°, ICR, 2Мп (1920x1080):30к/с, два видеопотока, DWDR, Ultra 265/H.264/MJPEG, ICR, </t>
    </r>
    <r>
      <rPr>
        <b/>
        <sz val="10"/>
        <color rgb="FFFF0000"/>
        <rFont val="Calibri"/>
        <family val="2"/>
      </rPr>
      <t>0.005Lux</t>
    </r>
    <r>
      <rPr>
        <sz val="10"/>
        <rFont val="Calibri"/>
        <family val="2"/>
      </rPr>
      <t xml:space="preserve"> ( F1.6, AGC ON) минимальная освещенность, IP67; -40°C до +60°C; 12V, PoE (IEEE802.3 af), 2KV, Потребляемая мощность: макс. 6 Вт. 0.38кг. Кронштей не входит в комплект.  Детекция движения - до 4 областей, OSD до 4 обл., приватность - до 4 обл., ROI -  до 8 обл.</t>
    </r>
  </si>
  <si>
    <t>IPC2C22LE-SF60-WL</t>
  </si>
  <si>
    <t>IPC2C22LE-SF60-WL-RU</t>
  </si>
  <si>
    <t>IPC2122LR5-UPF28M-F</t>
  </si>
  <si>
    <t>IPC2122LR5-UPF28M-F-RU</t>
  </si>
  <si>
    <r>
      <rPr>
        <b/>
        <sz val="10"/>
        <color rgb="FFFF0000"/>
        <rFont val="Calibri"/>
        <family val="2"/>
      </rPr>
      <t>EasyStar</t>
    </r>
    <r>
      <rPr>
        <sz val="10"/>
        <rFont val="Calibri"/>
        <family val="2"/>
      </rPr>
      <t xml:space="preserve"> Видеокамера IP Уличная цилиндрическая </t>
    </r>
    <r>
      <rPr>
        <b/>
        <sz val="10"/>
        <color rgb="FFFF0000"/>
        <rFont val="Calibri"/>
        <family val="2"/>
      </rPr>
      <t>2 Мп</t>
    </r>
    <r>
      <rPr>
        <sz val="10"/>
        <rFont val="Calibri"/>
        <family val="2"/>
      </rPr>
      <t xml:space="preserve"> с ИК подсветкой до </t>
    </r>
    <r>
      <rPr>
        <b/>
        <sz val="10"/>
        <color rgb="FFFF0000"/>
        <rFont val="Calibri"/>
        <family val="2"/>
      </rPr>
      <t>50м</t>
    </r>
    <r>
      <rPr>
        <b/>
        <sz val="10"/>
        <rFont val="Calibri"/>
        <family val="2"/>
      </rPr>
      <t>,</t>
    </r>
    <r>
      <rPr>
        <sz val="10"/>
        <rFont val="Calibri"/>
        <family val="2"/>
      </rPr>
      <t xml:space="preserve"> фикс. объектив 2.8/4.0мм 1/2.7" CMOS,  угол обзора 112.7°/86.5°, ICR, 2Мп (1920x1080):30к/с, два видеопотока, DWDR, Ultra 265/H.264/MJPEG, ICR, </t>
    </r>
    <r>
      <rPr>
        <b/>
        <sz val="10"/>
        <color rgb="FFFF0000"/>
        <rFont val="Calibri"/>
        <family val="2"/>
      </rPr>
      <t>0.005Lux</t>
    </r>
    <r>
      <rPr>
        <sz val="10"/>
        <rFont val="Calibri"/>
        <family val="2"/>
      </rPr>
      <t xml:space="preserve"> минимальная освещенность, IP67; -40°C до +60°C; 12V, PoE (IEEE802.3 af), 2KV, Потребляемая мощность: макс. 6 Вт. 0.5кг  Металлический корпус. Детекция движения - до 4 областей, OSD до 4 обл., приватность - до 4 обл., ROI -  до 4 обл.</t>
    </r>
  </si>
  <si>
    <t>IPC2122LR5-UPF40M-F</t>
  </si>
  <si>
    <t>IPC2122LR5-UPF40M-F-RU</t>
  </si>
  <si>
    <t>IPC2122LB-DSF28KM</t>
  </si>
  <si>
    <t>IPC2122LB-DSF28KM-RU</t>
  </si>
  <si>
    <r>
      <t xml:space="preserve">Видеокамера IP Уличная цилиндрическая </t>
    </r>
    <r>
      <rPr>
        <b/>
        <sz val="10"/>
        <color rgb="FFFF0000"/>
        <rFont val="Calibri"/>
        <family val="2"/>
      </rPr>
      <t>2 Мп</t>
    </r>
    <r>
      <rPr>
        <sz val="10"/>
        <rFont val="Calibri"/>
        <family val="2"/>
      </rPr>
      <t xml:space="preserve"> с ИК подсветкой до 30м</t>
    </r>
    <r>
      <rPr>
        <b/>
        <sz val="10"/>
        <rFont val="Calibri"/>
        <family val="2"/>
      </rPr>
      <t>,</t>
    </r>
    <r>
      <rPr>
        <sz val="10"/>
        <rFont val="Calibri"/>
        <family val="2"/>
      </rPr>
      <t xml:space="preserve">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4.5 Вт. 0.45кг  Металлический корпус. Обнаружение человеческа, вторжение, детекция движения - до 4 обл., OSD до 4 обл., приватность - до 4 обл., ROI -  до 8 обл.</t>
    </r>
  </si>
  <si>
    <t>IPC2122LB-DSF40KM</t>
  </si>
  <si>
    <t>IPC2122LB-DSF40KM-RU</t>
  </si>
  <si>
    <t>IPC2A23LB-F40K</t>
  </si>
  <si>
    <t>IPC2A23LB-F40K-RU</t>
  </si>
  <si>
    <r>
      <t>Видеокамера IP Уличная цилиндрическая</t>
    </r>
    <r>
      <rPr>
        <b/>
        <sz val="10"/>
        <color rgb="FFFF0000"/>
        <rFont val="Calibri"/>
        <family val="2"/>
      </rPr>
      <t xml:space="preserve"> 3 Мп с интелектуальной ИК подсветкой до 60м</t>
    </r>
    <r>
      <rPr>
        <sz val="10"/>
        <rFont val="Calibri"/>
        <family val="2"/>
      </rPr>
      <t xml:space="preserve">, фикс. объектив 4.0/6.0 мм 1/2.7" CMOS,  угол обзора 86.9°/ 55.4°, ICR, 3MP (2304*1296), Max 20fps; 2MP(1920*1080),Max 30fps, два видеопотока, DWDR, Ultra 265/H.264/MJPEG, ICR, </t>
    </r>
    <r>
      <rPr>
        <b/>
        <sz val="10"/>
        <color rgb="FFFF0000"/>
        <rFont val="Calibri"/>
        <family val="2"/>
      </rPr>
      <t>Micro SD до 128 GB</t>
    </r>
    <r>
      <rPr>
        <sz val="10"/>
        <rFont val="Calibri"/>
        <family val="2"/>
      </rPr>
      <t xml:space="preserve">, </t>
    </r>
    <r>
      <rPr>
        <b/>
        <sz val="10"/>
        <color rgb="FFFF0000"/>
        <rFont val="Calibri"/>
        <family val="2"/>
      </rPr>
      <t xml:space="preserve">тревожные вход/выход 1/1, Audio вход/выход 1/1, </t>
    </r>
    <r>
      <rPr>
        <sz val="10"/>
        <rFont val="Calibri"/>
        <family val="2"/>
      </rPr>
      <t>минимальная освещенность - цветное: 0.01Lux ( F2.0, AGC ON) 0Lux с ИК, IP67; -40°C до +60°C; 12V, PoE (IEEE802.3 af), 2KV, Потребляемая мощность: макс. 6 Вт. 0.45кг. Кронштей не входит в комплект. Детекция движения - до 4 областей, OSD до 4 обл., приватность - до 4 обл., ROI -  до 8 обл.</t>
    </r>
  </si>
  <si>
    <t>IPC2A23LB-F60K</t>
  </si>
  <si>
    <t>IPC2A23LB-F60K-RU</t>
  </si>
  <si>
    <t>IPC2124LR5-DUPF28M-F</t>
  </si>
  <si>
    <t>IPC2124LR5-DUPF28M-F-RU</t>
  </si>
  <si>
    <r>
      <rPr>
        <b/>
        <sz val="10"/>
        <color rgb="FFFF0000"/>
        <rFont val="Calibri"/>
        <family val="2"/>
      </rPr>
      <t>EasyStar</t>
    </r>
    <r>
      <rPr>
        <sz val="10"/>
        <rFont val="Calibri"/>
        <family val="2"/>
      </rPr>
      <t xml:space="preserve"> Видеокамера IP Уличная цилиндрическая </t>
    </r>
    <r>
      <rPr>
        <b/>
        <sz val="10"/>
        <color rgb="FFFF0000"/>
        <rFont val="Calibri"/>
        <family val="2"/>
      </rPr>
      <t>4 Мп</t>
    </r>
    <r>
      <rPr>
        <sz val="10"/>
        <rFont val="Calibri"/>
        <family val="2"/>
      </rPr>
      <t xml:space="preserve"> с ИК подсветкой до </t>
    </r>
    <r>
      <rPr>
        <b/>
        <sz val="10"/>
        <color rgb="FFFF0000"/>
        <rFont val="Calibri"/>
        <family val="2"/>
      </rPr>
      <t>50м</t>
    </r>
    <r>
      <rPr>
        <b/>
        <sz val="10"/>
        <rFont val="Calibri"/>
        <family val="2"/>
      </rPr>
      <t>,</t>
    </r>
    <r>
      <rPr>
        <sz val="10"/>
        <rFont val="Calibri"/>
        <family val="2"/>
      </rPr>
      <t xml:space="preserve"> фикс. объектив 2.8/4.0мм, 1/3" CMOS,  угол обзора 112.7°/86.5°, ICR, 2592x1520:20fps, тройной видеопоток, </t>
    </r>
    <r>
      <rPr>
        <b/>
        <sz val="10"/>
        <color rgb="FFFF0000"/>
        <rFont val="Calibri"/>
        <family val="2"/>
      </rPr>
      <t>WDR 120dB</t>
    </r>
    <r>
      <rPr>
        <sz val="10"/>
        <rFont val="Calibri"/>
        <family val="2"/>
      </rPr>
      <t xml:space="preserve">, Ultra 265/H.264/MJPEG, ICR, </t>
    </r>
    <r>
      <rPr>
        <b/>
        <sz val="10"/>
        <color rgb="FFFF0000"/>
        <rFont val="Calibri"/>
        <family val="2"/>
      </rPr>
      <t>0.002Lux</t>
    </r>
    <r>
      <rPr>
        <sz val="10"/>
        <rFont val="Calibri"/>
        <family val="2"/>
      </rPr>
      <t xml:space="preserve"> минимальная освещенность, IP67; -40°C до +60°C; 12V, PoE (IEEE802.3 af), Потребляемая мощность: макс. 6 Вт. 0.5кг  Металлический корпус.</t>
    </r>
  </si>
  <si>
    <t>IPC2124LR5-DUPF40M-F</t>
  </si>
  <si>
    <t>IPC2124LR5-DUPF40M-F-RU</t>
  </si>
  <si>
    <t>IPC323LB-SF28K-G</t>
  </si>
  <si>
    <t>IPC323LB-SF28K-G-RU</t>
  </si>
  <si>
    <t>IPC323LB-SF40K-G</t>
  </si>
  <si>
    <t>IPC323LB-SF40K-G-RU</t>
  </si>
  <si>
    <t>IPC325LE-ADF28K-G</t>
  </si>
  <si>
    <t>IPC325LE-ADF28K-G-RU</t>
  </si>
  <si>
    <t>IPC325LE-ADF40K-G</t>
  </si>
  <si>
    <t>IPC325LE-ADF40K-G-RU</t>
  </si>
  <si>
    <t>IPC3613LB-AF28K-G</t>
  </si>
  <si>
    <t>IPC3613LB-AF28K-G-RU</t>
  </si>
  <si>
    <t>IPC3613LB-AF40K-G</t>
  </si>
  <si>
    <t>IPC3613LB-AF40K-G-RU</t>
  </si>
  <si>
    <t>IPC322LR3-VSPF28-D</t>
  </si>
  <si>
    <t>IPC322LR3-VSPF28-D-RU</t>
  </si>
  <si>
    <r>
      <t xml:space="preserve">Видеокамера IP Купольная антивандальная </t>
    </r>
    <r>
      <rPr>
        <b/>
        <sz val="11"/>
        <rFont val="Calibri"/>
        <family val="2"/>
      </rPr>
      <t>2 Мп</t>
    </r>
    <r>
      <rPr>
        <sz val="11"/>
        <rFont val="Calibri"/>
        <family val="2"/>
      </rPr>
      <t xml:space="preserve"> с ИК подсветкой до 30м, фикс. объектив 2.8/4.0 мм 1/2.7" CMOS,  угол обзора 112.7°/ 86.5°, ICR, 1920x1080:25fps, тройной видеопоток, DWDR, Ultra 265/H.264/MJPEG, ICR, 0.02 Lux ( F2.0, AGC ON) минимальная освещенность, IP67/IK10; -40°C до +60°C; 12V, PoE (IEEE802.3 af), Потребляемая мощность: макс. 5 Вт. Металлический корпус.</t>
    </r>
  </si>
  <si>
    <t>IPC322LR3-VSPF40-D</t>
  </si>
  <si>
    <t>IPC322LR3-VSPF40-D-RU</t>
  </si>
  <si>
    <t>IPC324LR3-VSPF28-D</t>
  </si>
  <si>
    <t>IPC324LR3-VSPF28-D-RU</t>
  </si>
  <si>
    <r>
      <t xml:space="preserve">Видеокамера IP Купольная антивандальная </t>
    </r>
    <r>
      <rPr>
        <b/>
        <sz val="11"/>
        <rFont val="Calibri"/>
        <family val="2"/>
      </rPr>
      <t>4 Мп</t>
    </r>
    <r>
      <rPr>
        <sz val="11"/>
        <rFont val="Calibri"/>
        <family val="2"/>
      </rPr>
      <t xml:space="preserve"> с ИК подсветкой до 30м, фикс. объектив 2.8/4.0 мм 1/3" CMOS, угол обзора 104.4°/78.9°,  ICR, 2592×1520:20fps / 1920x1080:25fps, тройной видеопоток, DWDR, Ultra 265/H.264/MJPEG, ICR, 0.03Lux (F2.0, AGC ON)  минимальная освещенность, IP67; -40°C до +60°C; 12V, PoE (IEEE802.3 af), Потребляемая мощность: макс. 5 Вт. Металлический корпус.</t>
    </r>
  </si>
  <si>
    <t>IPC324LR3-VSPF40-D</t>
  </si>
  <si>
    <t>IPC324LR3-VSPF40-D-RU</t>
  </si>
  <si>
    <t>IPC325LR3-VSPF28-D</t>
  </si>
  <si>
    <t>IPC325LR3-VSPF28-D-RU</t>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фикс. объектив 2.8 мм 1/2,7" CMOS, угол обзора 105.3°,  ICR, 2592x1944:20fps, DWDR, Ultra 265/H.264/MJPEG, ICR, 0,01 Lux минимальная освещенность, IK10, IP67; -40°C до +60°C; 12V, PoE (IEEE802.3 af), Потребляемая мощность: макс. 5,5 Вт. Металлический корпус.</t>
    </r>
  </si>
  <si>
    <t>IPC325LR3-VSPF40-D</t>
  </si>
  <si>
    <t>IPC325LR3-VSPF40-D-RU</t>
  </si>
  <si>
    <r>
      <t>Видеокамера IP Купольная антивандальная</t>
    </r>
    <r>
      <rPr>
        <sz val="11"/>
        <color rgb="FFFF0000"/>
        <rFont val="Calibri"/>
        <family val="2"/>
      </rPr>
      <t xml:space="preserve"> </t>
    </r>
    <r>
      <rPr>
        <b/>
        <sz val="11"/>
        <color rgb="FFFF0000"/>
        <rFont val="Calibri"/>
        <family val="2"/>
      </rPr>
      <t>5 Мп</t>
    </r>
    <r>
      <rPr>
        <sz val="11"/>
        <rFont val="Calibri"/>
        <family val="2"/>
      </rPr>
      <t xml:space="preserve"> с ИК подсветкой до 30м, фикс. объектив 4.0 мм 1/2,7" CMOS, угол обзора 79.7°,  ICR, 2592x1944:20fps, DWDR, Ultra 265/H.264/MJPEG, ICR, 0,01 Lux минимальная освещенность, IK10, IP67; -40°C до +60°C; 12V, PoE (IEEE802.3 af), Потребляемая мощность: макс. 5,5 Вт. Металлический корпус.</t>
    </r>
  </si>
  <si>
    <t>IPC322LB-DSF28K</t>
  </si>
  <si>
    <t>IPC322LB-DSF28K-RU</t>
  </si>
  <si>
    <r>
      <t xml:space="preserve">Видеокамера IP Купольная антивандальная 2 Мп с ИК подсветкой до 30м,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t>
    </r>
    <r>
      <rPr>
        <b/>
        <sz val="10"/>
        <color rgb="FFFF0000"/>
        <rFont val="Calibri"/>
        <family val="2"/>
      </rPr>
      <t>слот карты памяти - micro SD до 128 Гб,</t>
    </r>
    <r>
      <rPr>
        <sz val="10"/>
        <rFont val="Calibri"/>
        <family val="2"/>
      </rPr>
      <t xml:space="preserve"> IP67, IK10; -40°C до +60°C; 12V, PoE (IEEE802.3 af), 2KV, Потребляемая мощность: макс. 3.5 Вт. 0.45кг  Металлическое основание. Обнаружение человеческа, вторжение, детекция движения - до 4 обл., OSD до 4 обл., приватность - до 4 обл., ROI -  до 8 обл.</t>
    </r>
  </si>
  <si>
    <t>IPC322LB-DSF40K</t>
  </si>
  <si>
    <t>IPC322LB-DSF40K-RU</t>
  </si>
  <si>
    <t>IPC322LR3-UVSPF28-F</t>
  </si>
  <si>
    <t>IPC322LR3-UVSPF28-F-RU</t>
  </si>
  <si>
    <r>
      <rPr>
        <b/>
        <sz val="10"/>
        <color rgb="FFFF0000"/>
        <rFont val="Calibri"/>
        <family val="2"/>
      </rPr>
      <t>Starlight</t>
    </r>
    <r>
      <rPr>
        <sz val="10"/>
        <rFont val="Calibri"/>
        <family val="2"/>
      </rPr>
      <t xml:space="preserve"> Видеокамера IP Купольная антивандальная </t>
    </r>
    <r>
      <rPr>
        <b/>
        <sz val="10"/>
        <color rgb="FFFF0000"/>
        <rFont val="Calibri"/>
        <family val="2"/>
      </rPr>
      <t>2 Мп</t>
    </r>
    <r>
      <rPr>
        <sz val="10"/>
        <rFont val="Calibri"/>
        <family val="2"/>
      </rPr>
      <t xml:space="preserve"> с ИК подсветкой до 3</t>
    </r>
    <r>
      <rPr>
        <b/>
        <sz val="10"/>
        <color rgb="FFFF0000"/>
        <rFont val="Calibri"/>
        <family val="2"/>
      </rPr>
      <t>0м</t>
    </r>
    <r>
      <rPr>
        <b/>
        <sz val="10"/>
        <rFont val="Calibri"/>
        <family val="2"/>
      </rPr>
      <t>,</t>
    </r>
    <r>
      <rPr>
        <sz val="10"/>
        <rFont val="Calibri"/>
        <family val="2"/>
      </rPr>
      <t xml:space="preserve"> фикс. объектив 2.8/4.0мм 1/2.7" CMOS,  угол обзора 112.7°/86.5°, ICR, 1920x1080:25fps, тройной видеопоток, DWDR, Ultra 265/H.264/MJPEG, ICR, </t>
    </r>
    <r>
      <rPr>
        <b/>
        <sz val="10"/>
        <color rgb="FFFF0000"/>
        <rFont val="Calibri"/>
        <family val="2"/>
      </rPr>
      <t>0.002Lux</t>
    </r>
    <r>
      <rPr>
        <sz val="10"/>
        <rFont val="Calibri"/>
        <family val="2"/>
      </rPr>
      <t xml:space="preserve"> минимальная освещенность, IP67/IK10; -40°C до +60°C; 12V, PoE (IEEE802.3 af), Потребляемая мощность: макс. 4,5 Вт. 0.37кг  Металлический корпус.</t>
    </r>
  </si>
  <si>
    <t>IPC322LR3-UVSPF40-F</t>
  </si>
  <si>
    <t>IPC322LR3-UVSPF40-F-RU</t>
  </si>
  <si>
    <t>IPC324LE-DSF28K</t>
  </si>
  <si>
    <t>IPC324LE-DSF28K-RU</t>
  </si>
  <si>
    <r>
      <t xml:space="preserve">Видеокамера IP Купольная антивандальная </t>
    </r>
    <r>
      <rPr>
        <b/>
        <sz val="11"/>
        <rFont val="Calibri"/>
        <family val="2"/>
      </rPr>
      <t>4 Мп</t>
    </r>
    <r>
      <rPr>
        <sz val="11"/>
        <rFont val="Calibri"/>
        <family val="2"/>
      </rPr>
      <t xml:space="preserve"> с ИК подсветкой до 30м, фикс. объектив 2.8/4.0 мм 1/3" CMOS, угол обзора 105.3°/79.7°,  ICR, 2688x1520:25fps, 720P (1280*720):25fps, два видеопотока, WDR 120dB, Ultra 265/H.264/MJPEG, ICR, 0.005Lux (F2.0, AGC ON)  минимальная освещенность, слот карты памяти Micro SD 256GB, IP67, 2KV, IK10; -40°C до +60°C; 12V, PoE (IEEE802.3 af), Потребляемая мощность: макс. 3.5 Вт. Металлическое оснеование.</t>
    </r>
  </si>
  <si>
    <t>IPC324LE-DSF40K</t>
  </si>
  <si>
    <t>IPC324LE-DSF40K-RU</t>
  </si>
  <si>
    <t>IPC3612LR3-PF28-D</t>
  </si>
  <si>
    <t>IPC3612LR3-PF28-D-RU</t>
  </si>
  <si>
    <r>
      <t xml:space="preserve">Видеокамера IP Купольная </t>
    </r>
    <r>
      <rPr>
        <b/>
        <sz val="11"/>
        <rFont val="Calibri"/>
        <family val="2"/>
      </rPr>
      <t>2 Мп</t>
    </r>
    <r>
      <rPr>
        <sz val="11"/>
        <rFont val="Calibri"/>
        <family val="2"/>
      </rPr>
      <t xml:space="preserve"> с ИК подсветкой до 30м, фикс. объектив 2.8/4.0 мм 1/2.7" CMOS,  угол обзора 112.7°/ 86.5°, ICR, 1920x1080:25fps, тройной видеопоток, DWDR, Ultra 265/H.264/MJPEG, ICR, 0.02Lux (F2.0, AGC ON) минимальная освещенность,  -40°C до +50°C; 12V, PoE (IEEE802.3 af), Потребляемая мощность: макс. 5 Вт. Металлический корпус.</t>
    </r>
  </si>
  <si>
    <t>IPC3612LR3-PF40-D</t>
  </si>
  <si>
    <t>IPC3612LR3-PF40-D-RU</t>
  </si>
  <si>
    <t>IPC3614LR3-PF28-D</t>
  </si>
  <si>
    <t>IPC3614LR3-PF28-D-RU</t>
  </si>
  <si>
    <r>
      <t xml:space="preserve">Видеокамера IP Купольная </t>
    </r>
    <r>
      <rPr>
        <b/>
        <sz val="11"/>
        <rFont val="Calibri"/>
        <family val="2"/>
      </rPr>
      <t>4 Мп</t>
    </r>
    <r>
      <rPr>
        <sz val="11"/>
        <rFont val="Calibri"/>
        <family val="2"/>
      </rPr>
      <t xml:space="preserve"> с ИК подсветкой до 30м, фикс. объектив 2.8/4.0 мм 1/2.7" CMOS,  угол обзора  104.4°/ 86.4°, ICR, 2592×1520:20fps / 1920x1080:25fps, тройной видеопоток, DWDR, Ultra 265/H.264/MJPEG, ICR, 0.03Lux (F2.0, AGC ON) минимальная освещенность, -40°C до +50°C; 12V, PoE (IEEE802.3 af), Потребляемая мощность: макс. 5 Вт. Металлический корпус.</t>
    </r>
  </si>
  <si>
    <t>IPC3614LR3-PF40-D</t>
  </si>
  <si>
    <t>IPC3614LR3-PF40-D-RU</t>
  </si>
  <si>
    <t>IPC3615LR3-PF28-D</t>
  </si>
  <si>
    <t>IPC3615LR3-PF28-D-RU</t>
  </si>
  <si>
    <r>
      <t xml:space="preserve">Видеокамера IP Купольная  </t>
    </r>
    <r>
      <rPr>
        <b/>
        <sz val="11"/>
        <rFont val="Calibri"/>
        <family val="2"/>
      </rPr>
      <t>5 Мп</t>
    </r>
    <r>
      <rPr>
        <sz val="11"/>
        <rFont val="Calibri"/>
        <family val="2"/>
      </rPr>
      <t xml:space="preserve"> с ИК подсветкой до 30м, фикс. объектив 2,8 мм 1/2,7" CMOS, угол обзора  105.3°,  ICR, 2592x1944:20fps, DWDR, Ultra 265/H.264/MJPEG, ICR, 0,01 Lux минимальная освещенность, IP67; -40°C до +60°C; 12V, PoE (IEEE802.3 af), Потребляемая мощность: макс. 5,5 Вт. Металлический корпус.</t>
    </r>
  </si>
  <si>
    <t>IPC3615LR3-PF40-D</t>
  </si>
  <si>
    <t>IPC3615LR3-PF40-D-RU</t>
  </si>
  <si>
    <r>
      <t xml:space="preserve">Видеокамера IP Купольная  </t>
    </r>
    <r>
      <rPr>
        <b/>
        <sz val="11"/>
        <rFont val="Calibri"/>
        <family val="2"/>
      </rPr>
      <t>5 Мп</t>
    </r>
    <r>
      <rPr>
        <sz val="11"/>
        <rFont val="Calibri"/>
        <family val="2"/>
      </rPr>
      <t xml:space="preserve"> с ИК подсветкой до 30м, фикс. объектив 2,8 мм 1/2,7" CMOS, угол обзора  79.7°,  ICR, 2592x1944:20fps, DWDR, Ultra 265/H.264/MJPEG, ICR, 0,01 Lux минимальная освещенность, IP67; -40°C до +60°C; 12V, PoE (IEEE802.3 af), Потребляемая мощность: макс. 5,5 Вт. Металлический корпус.</t>
    </r>
  </si>
  <si>
    <t>IPC3612LR3-UPF28-F</t>
  </si>
  <si>
    <t>IPC3612LR3-UPF28-F-RU</t>
  </si>
  <si>
    <r>
      <rPr>
        <b/>
        <sz val="10"/>
        <color rgb="FFFF0000"/>
        <rFont val="Calibri"/>
        <family val="2"/>
      </rPr>
      <t>Starlight</t>
    </r>
    <r>
      <rPr>
        <sz val="10"/>
        <rFont val="Calibri"/>
        <family val="2"/>
      </rPr>
      <t xml:space="preserve"> Видеокамера IP Купольная  </t>
    </r>
    <r>
      <rPr>
        <b/>
        <sz val="10"/>
        <color rgb="FFFF0000"/>
        <rFont val="Calibri"/>
        <family val="2"/>
      </rPr>
      <t>2 Мп</t>
    </r>
    <r>
      <rPr>
        <sz val="10"/>
        <rFont val="Calibri"/>
        <family val="2"/>
      </rPr>
      <t xml:space="preserve"> с ИК подсветкой до 30м</t>
    </r>
    <r>
      <rPr>
        <b/>
        <sz val="10"/>
        <rFont val="Calibri"/>
        <family val="2"/>
      </rPr>
      <t>,</t>
    </r>
    <r>
      <rPr>
        <sz val="10"/>
        <rFont val="Calibri"/>
        <family val="2"/>
      </rPr>
      <t xml:space="preserve"> фикс. объектив 2.8/4.0мм 1/2.7" CMOS,  угол обзора 112.7°/86.5°, ICR, 1920x1080:25fps, тройной видеопоток, DWDR, Ultra 265/H.264/MJPEG, ICR, </t>
    </r>
    <r>
      <rPr>
        <b/>
        <sz val="10"/>
        <color rgb="FFFF0000"/>
        <rFont val="Calibri"/>
        <family val="2"/>
      </rPr>
      <t>0.002Lux</t>
    </r>
    <r>
      <rPr>
        <sz val="10"/>
        <rFont val="Calibri"/>
        <family val="2"/>
      </rPr>
      <t xml:space="preserve"> минимальная освещенность, IP67; -40°C до +60°C; 12V, PoE (IEEE802.3 af), Потребляемая мощность: макс. 4,5 Вт. 0.3кг  Металлический корпус.</t>
    </r>
  </si>
  <si>
    <t>IPC3612LR3-UPF40-F</t>
  </si>
  <si>
    <t>IPC3612LR3-UPF40-F-RU</t>
  </si>
  <si>
    <t>IPC3612LB-ADF28K</t>
  </si>
  <si>
    <t>IPC3612LB-ADF28K-RU</t>
  </si>
  <si>
    <r>
      <t xml:space="preserve">Видеокамера IP Купольная 2 Мп с ИК подсветкой до 30м, фикс. объектив 2.8/4.0мм 1/2.7" CMOS,  угол обзора 112.7°/91.2°, ICR, 1080P (1920x1080):30к/с, 720P (1280*720), 30к/с, два видеопотока, </t>
    </r>
    <r>
      <rPr>
        <b/>
        <sz val="10"/>
        <color rgb="FFFF0000"/>
        <rFont val="Calibri"/>
        <family val="2"/>
      </rPr>
      <t>WDR 120db</t>
    </r>
    <r>
      <rPr>
        <sz val="10"/>
        <rFont val="Calibri"/>
        <family val="2"/>
      </rPr>
      <t xml:space="preserve">, Ultra 265/H.264/MJPEG, ICR, </t>
    </r>
    <r>
      <rPr>
        <b/>
        <sz val="10"/>
        <color rgb="FFFF0000"/>
        <rFont val="Calibri"/>
        <family val="2"/>
      </rPr>
      <t>0.02Lux</t>
    </r>
    <r>
      <rPr>
        <sz val="10"/>
        <rFont val="Calibri"/>
        <family val="2"/>
      </rPr>
      <t xml:space="preserve"> минимальная освещенность, встроенный микрофон, </t>
    </r>
    <r>
      <rPr>
        <b/>
        <sz val="10"/>
        <color rgb="FFFF0000"/>
        <rFont val="Calibri"/>
        <family val="2"/>
      </rPr>
      <t>слот карты памяти - micro SD до 128 Гб,</t>
    </r>
    <r>
      <rPr>
        <sz val="10"/>
        <rFont val="Calibri"/>
        <family val="2"/>
      </rPr>
      <t xml:space="preserve"> IP67; -40°C до +60°C; 12V, PoE (IEEE802.3 af), 2KV, Потребляемая мощность: макс. 3.5 Вт. 0.45кг  Металлическое основание. Обнаружение человеческа, вторжение, детекция движения - до 4 обл., OSD до 4 обл., приватность - до 4 обл., ROI -  до 8 обл.</t>
    </r>
  </si>
  <si>
    <t>IPC3612LB-ADF40K</t>
  </si>
  <si>
    <t>IPC3612LB-ADF40K-RU</t>
  </si>
  <si>
    <t>IPC3613LR3-APF28K-F</t>
  </si>
  <si>
    <t>IPC3613LR3-APF28K-F-RU</t>
  </si>
  <si>
    <r>
      <t xml:space="preserve">Видеокамера IP Купольная  </t>
    </r>
    <r>
      <rPr>
        <b/>
        <sz val="10"/>
        <color rgb="FFFF0000"/>
        <rFont val="Calibri"/>
        <family val="2"/>
      </rPr>
      <t>3 Мп</t>
    </r>
    <r>
      <rPr>
        <sz val="10"/>
        <rFont val="Calibri"/>
        <family val="2"/>
      </rPr>
      <t xml:space="preserve"> с ИК подсветкой до 30м, фикс. объектив 2.8/4.0мм 1/2.7" CMOS,  угол обзора 113.1°/86.5°, ICR, 3MP (2304*1296), Max 20fps; 2MP (1920*1080), Max 30fps, DWDR, Ultra 265/H.264/MJPEG, ICR, 0.01Lux минимальная освещенность, </t>
    </r>
    <r>
      <rPr>
        <b/>
        <sz val="10"/>
        <color rgb="FFFF0000"/>
        <rFont val="Calibri"/>
        <family val="2"/>
      </rPr>
      <t>втроенный микрофон, Micro SD до 128 Гб</t>
    </r>
    <r>
      <rPr>
        <sz val="10"/>
        <rFont val="Calibri"/>
        <family val="2"/>
      </rPr>
      <t>, ANR,  IP67; -40°C до +60°C; 12V, PoE (IEEE802.3 af), Потребляемая мощность: макс. 4 Вт. 0.33кг  Металлический корпус.</t>
    </r>
  </si>
  <si>
    <t>IPC3613LR3-APF40K-F</t>
  </si>
  <si>
    <t>IPC3613LR3-APF40K-F-RU</t>
  </si>
  <si>
    <t>IPC3614LE-ADF28K</t>
  </si>
  <si>
    <t>IPC3614LE-ADF28K-RU</t>
  </si>
  <si>
    <r>
      <t xml:space="preserve">Видеокамера IP Купольная </t>
    </r>
    <r>
      <rPr>
        <b/>
        <sz val="11"/>
        <rFont val="Calibri"/>
        <family val="2"/>
      </rPr>
      <t>4 Мп</t>
    </r>
    <r>
      <rPr>
        <sz val="11"/>
        <rFont val="Calibri"/>
        <family val="2"/>
      </rPr>
      <t xml:space="preserve"> с ИК подсветкой до 30м, фикс. объектив 2.8/4.0 мм 1/3" CMOS,  угол обзора  105.3°/ 79.7°, ICR, два видеопотока - Main Stream: 4MP (2688*1520), Max 25fps; 4MP (2560*1440), Max 25fps; 3MP (2304*1296), Max 30fps; 2MP (1920*1080), Max 30fps; Sub Stream: 720P (1280*720), Max 25fps, WDR 120dB, Ultra 265/H.264/MJPEG, ICR, 0.005Lux (F2.0, AGC ON) минимальная освещенность, втроенный микрофон, Micro SD до 256 Гб, -40°C до +50°C; 12V, PoE (IEEE802.3 af), Потребляемая мощность: макс. 3 Вт., 0.35кг. Металлическое основание.</t>
    </r>
  </si>
  <si>
    <t>IPC3614LE-ADF40K</t>
  </si>
  <si>
    <t>IPC3614LE-ADF40K-RU</t>
  </si>
  <si>
    <t>IPC322LB-DSF28K-G-RU</t>
  </si>
  <si>
    <t>IPC322LB-DSF40K-G-RU</t>
  </si>
  <si>
    <t>IPC324LE-DSF28K-G-RU</t>
  </si>
  <si>
    <t>IPC324LE-DSF40K-G-RU</t>
  </si>
  <si>
    <t>IPC324LE-DSF28K-G</t>
  </si>
  <si>
    <t>IPC324LE-DSF40K-G</t>
  </si>
  <si>
    <t>IPC3612LB-ADF28K-G-RU</t>
  </si>
  <si>
    <t>IPC3612LB-ADF40K-G-RU</t>
  </si>
  <si>
    <t>IPC3614LE-ADF28K-G-RU</t>
  </si>
  <si>
    <t>IPC3614LE-ADF40K-G-RU</t>
  </si>
  <si>
    <t>IPC2322LBR3-SP-D</t>
  </si>
  <si>
    <t>IPC2322LBR3-SP-D-RU</t>
  </si>
  <si>
    <t>Видеокамера IP Уличная цилиндрическая 2 Мп с ИК подсветкой до 30м, вариофокальный объектив: 2,8-12мм;  1/2.7" CMOS,  ICR, 1920x1080:30fps, тройной видеопоток, DWDR, Ultra 265/H.264/MJPEG, ICR, 0.01Lux (F1.6, AGC ON) минимальная освещенность, cлот micro SD (256Gb), IP67; -40°C до +60°C; 12V, PoE (IEEE802.3 af), Потребляемая мощность: макс. 7,8 Вт. Металлический корпус.</t>
  </si>
  <si>
    <t>IPC2322LBR3-SPZ28-D</t>
  </si>
  <si>
    <t>IPC2322LBR3-SPZ28-D-RU</t>
  </si>
  <si>
    <t>Видеокамера IP Уличная цилиндрическая 2 Мп с ИК подсветкой до 30м, моторизированный объектив: 2,8-12мм;  1/2.7" CMOS,  ICR, 1920x1080:30fps, тройной видеопоток, DWDR, Ultra 265/H.264/MJPEG, ICR, 0.01Lux (F1.6, AGC ON) минимальная освещенность, cлот micro SD (256Gb), IP67; -40°C до +60°C; 12V, PoE (IEEE802.3 af), Потребляемая мощность: макс. 7,8 Вт. Металлический корпус.</t>
  </si>
  <si>
    <t>IPC2322LB-ADZK-G-RU</t>
  </si>
  <si>
    <t>IPC2324LBR3-SP-D</t>
  </si>
  <si>
    <t>IPC2324LBR3-SP-D-RU</t>
  </si>
  <si>
    <t>Видеокамера IP Уличная цилиндрическая 4 Мп с ИК подсветкой до 30м, вариофокальный объектив: 2,8-12мм;  1/3" CMOS,  ICR, 2048x1520:20fps, тройной видеопоток, DWDR, Ultra 265/H.264/MJPEG, ICR, 0.02Lux минимальная освещенность, cлот micro SD (256Gb), IP67; -40°C до +60°C; 12V, PoE (IEEE802.3 af), Потребляемая мощность: макс. 7,8 Вт. Металлический корпус.</t>
  </si>
  <si>
    <t>IPC2324LBR3-SPZ28-D</t>
  </si>
  <si>
    <t>IPC2324LBR3-SPZ28-D-RU</t>
  </si>
  <si>
    <t>Видеокамера IP Уличная цилиндрическая 4 Мп с ИК подсветкой до 30м, моторизированный объектив: 2,8-12мм;  1/3" CMOS,  ICR, 2048x1520:20fps, тройной видеопоток, DWDR, Ultra 265/H.264/MJPEG, ICR, 0.02Lux минимальная освещенность, cлот micro SD (256Gb), IP67; -40°C до +60°C; 12V, PoE (IEEE802.3 af), Потребляемая мощность: макс. 7,8 Вт. Металлический корпус.</t>
  </si>
  <si>
    <t>IPC2324LB-ADZK-G-RU</t>
  </si>
  <si>
    <t>IPC2325LBR3-SP-D</t>
  </si>
  <si>
    <t>IPC2325LBR3-SP-D-RU</t>
  </si>
  <si>
    <t>Видеокамера IP Уличная цилиндрическая 5 Мп с ИК подсветкой до 30м, вариофокальный объектив: 2,8-12мм;  1/2,7" CMOS, угол обзора 83.6°~31.5°, ICR, 2592*1944:20fps, DWDR, Ultra 265/H.264/MJPEG, ICR, 0.01Lux минимальная освещенность, cлот micro SD (256Gb), IP67; -40°C до +60°C; 12V, PoE (IEEE802.3 af), Потребляемая мощность: макс. 7,8 Вт. Металлический корпус.</t>
  </si>
  <si>
    <t>IPC2325LBR3-SPZ28-D</t>
  </si>
  <si>
    <t>IPC2325LBR3-SPZ28-D-RU</t>
  </si>
  <si>
    <t>Видеокамера IP Уличная цилиндрическая 5 Мп с ИК подсветкой до 30м, моторизированный объектив: 2,8-12мм;  1/2,7" CMOS, угол обзора 83.6°~31.5°, ICR, 2592*1944:20fps, DWDR, Ultra 265/H.264/MJPEG, ICR, 0.01Lux минимальная освещенность, cлот micro SD (256Gb), IP67; -40°C до +60°C; 12V, PoE (IEEE802.3 af), Потребляемая мощность: макс. 7,8 Вт. Металлический корпус.</t>
  </si>
  <si>
    <t>Замена</t>
  </si>
  <si>
    <t>IPC3232LR3-VSP-D</t>
  </si>
  <si>
    <t>IPC3232LR3-VSP-D-RU</t>
  </si>
  <si>
    <t>Видеокамера IP Купольная антивандальная 2 Мп с ИК подсветкой до 30м, вариофокальный объектив: 2,8-12мм;  1/2.7" CMOS,  ICR, 1920x1080:25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IPC3232LR3-VSPZ28-D</t>
  </si>
  <si>
    <t>IPC3232LR3-VSPZ28-D-RU</t>
  </si>
  <si>
    <t>Видеокамера IP Купольная антивандальная 2 Мп с ИК подсветкой до 30м, моторизированный объектив: 2,8-12мм;  1/2.7" CMOS,  ICR, 1920x1080:25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IPC3234LR3-VSP-D</t>
  </si>
  <si>
    <t>IPC3234LR3-VSP-D-RU</t>
  </si>
  <si>
    <t>Видеокамера IP Купольная антивандальная 4 Мп с ИК подсветкой до 30м, вариофокальный объектив: 2,8-12мм;  1/3" CMOS,  ICR, 2048x1520:20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IPC3234LR3-VSPZ28-D</t>
  </si>
  <si>
    <t>IPC3234LR3-VSPZ28-D-RU</t>
  </si>
  <si>
    <t>Видеокамера IP Купольная антивандальная 4 Мп с ИК подсветкой до 30м, моторизированный объектив: 2,8-12мм;  1/3" CMOS,  ICR, 2048x1520:20fps, тройной видеопоток, DWDR, Ultra 265/H.264/MJPEG, ICR,  0.01Lux (F1.6, AGC ON) минимальная освещенность, cлот micro SD (256Gb), IK10, IP67; -40°C до +60°C; 12V, PoE (IEEE802.3 af), Потребляемая мощность: макс. 7,8 Вт. Металлический корпус.</t>
  </si>
  <si>
    <t>IPC3235LR3-VSP-D</t>
  </si>
  <si>
    <t>IPC3235LR3-VSP-D-RU</t>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вариофокальный объектив: 2,8-12мм;  1/2,7" CMOS,  2592*1944:20fps, DWDR, Ultra 265/H.264/MJPEG, ICR, </t>
    </r>
    <r>
      <rPr>
        <b/>
        <sz val="11"/>
        <color rgb="FFFF0000"/>
        <rFont val="Calibri"/>
        <family val="2"/>
      </rPr>
      <t>0.005Lux</t>
    </r>
    <r>
      <rPr>
        <sz val="11"/>
        <rFont val="Calibri"/>
        <family val="2"/>
      </rPr>
      <t xml:space="preserve"> минимальная освещенность, cлот </t>
    </r>
    <r>
      <rPr>
        <b/>
        <sz val="11"/>
        <color rgb="FFFF0000"/>
        <rFont val="Calibri"/>
        <family val="2"/>
      </rPr>
      <t>micro SD (256Gb)</t>
    </r>
    <r>
      <rPr>
        <sz val="11"/>
        <rFont val="Calibri"/>
        <family val="2"/>
      </rPr>
      <t>, IK10, IP67; -40°C до +60°C; 12V, PoE (IEEE802.3 af), Потребляемая мощность: макс. 7,8 Вт. Металлический корпус.</t>
    </r>
  </si>
  <si>
    <t>IPC3235LR3-VSPZ28-D</t>
  </si>
  <si>
    <t>IPC3235LR3-VSPZ28-D-RU</t>
  </si>
  <si>
    <r>
      <t xml:space="preserve">Видеокамера IP Купольная антивандальная </t>
    </r>
    <r>
      <rPr>
        <b/>
        <sz val="11"/>
        <color rgb="FFFF0000"/>
        <rFont val="Calibri"/>
        <family val="2"/>
      </rPr>
      <t>5 Мп</t>
    </r>
    <r>
      <rPr>
        <sz val="11"/>
        <rFont val="Calibri"/>
        <family val="2"/>
      </rPr>
      <t xml:space="preserve"> с ИК подсветкой до 30м, моторизированный объектив: 2,8-12мм;  1/2,7" CMOS,  2592*1944:20fps, DWDR, Ultra 265/H.264/MJPEG, ICR, </t>
    </r>
    <r>
      <rPr>
        <b/>
        <sz val="11"/>
        <color rgb="FFFF0000"/>
        <rFont val="Calibri"/>
        <family val="2"/>
      </rPr>
      <t>0.005Lux</t>
    </r>
    <r>
      <rPr>
        <sz val="11"/>
        <rFont val="Calibri"/>
        <family val="2"/>
      </rPr>
      <t xml:space="preserve"> минимальная освещенность, cлот </t>
    </r>
    <r>
      <rPr>
        <b/>
        <sz val="11"/>
        <color rgb="FFFF0000"/>
        <rFont val="Calibri"/>
        <family val="2"/>
      </rPr>
      <t>micro SD (256Gb)</t>
    </r>
    <r>
      <rPr>
        <sz val="11"/>
        <rFont val="Calibri"/>
        <family val="2"/>
      </rPr>
      <t>, IK10, IP67; -40°C до +60°C; 12V, PoE (IEEE802.3 af), Потребляемая мощность: макс. 7,8 Вт. Металлический корпус.</t>
    </r>
  </si>
  <si>
    <t>IPC3532LB-ADZK-G-RU</t>
  </si>
  <si>
    <t>IPC3534LB-ADZK-G-RU</t>
  </si>
  <si>
    <t>Wi-Fi IP видеокамеры с фиксированным объективом</t>
  </si>
  <si>
    <t>IPC2122SR3-F40W-D</t>
  </si>
  <si>
    <t>IPC2122SR3-F40W-D-RU</t>
  </si>
  <si>
    <r>
      <t xml:space="preserve">Видеокамера IP Уличная цилиндрическая </t>
    </r>
    <r>
      <rPr>
        <b/>
        <sz val="11"/>
        <rFont val="Calibri"/>
        <family val="2"/>
      </rPr>
      <t>2 Мп</t>
    </r>
    <r>
      <rPr>
        <sz val="11"/>
        <rFont val="Calibri"/>
        <family val="2"/>
      </rPr>
      <t xml:space="preserve"> с ИК подсветкой до 30м, фикс. объектив 4.0 мм 1/2.7" CMOS,  угол обзора 86.5°, ICR, три потока, основной 1920x1080:20fps, второй поток: 720P (2560×720): Max. 20 fps; третий поток: 4CIF (704×576): Max. 20 fps, DWDR, Ultra 265/H.264/MJPEG, ICR, 0.02Lux минимальная освещенность,  DC12V &amp; PoE, Слот для Карты памяти Micro SD до 256 GB, IP67; -40°C до +60°C; 12V, Потребляемая мощность: макс. 5 Вт. Металлический корпус.</t>
    </r>
  </si>
  <si>
    <t>IPC2124LR3-F40W-D</t>
  </si>
  <si>
    <t>IPC2124LR3-F40W-D-RU</t>
  </si>
  <si>
    <r>
      <t xml:space="preserve">Видеокамера IP Уличная цилиндрическая </t>
    </r>
    <r>
      <rPr>
        <b/>
        <sz val="11"/>
        <rFont val="Calibri"/>
        <family val="2"/>
      </rPr>
      <t>4 Мп</t>
    </r>
    <r>
      <rPr>
        <sz val="11"/>
        <rFont val="Calibri"/>
        <family val="2"/>
      </rPr>
      <t xml:space="preserve"> с ИК подсветкой до 30м, фикс. объектив 4.0 мм 1/3" CMOS, угол обзора 78.9°,  ICR, три потока, 2592×1520:20fps / 1920x1080:25fps, DWDR, Ultra 265/H.264/MJPEG, ICR, 0,01 Lux минимальная освещенность, Слот для Карты памяти Micro SD до 256 GB, IP67; -40°C до +60°C; 12V, Потребляемая мощность: макс. 5,5 Вт. Металлический корпус.</t>
    </r>
  </si>
  <si>
    <t>IPC322SR3-VSF28W-D</t>
  </si>
  <si>
    <t>IPC322SR3-VSF28W-D-RU</t>
  </si>
  <si>
    <r>
      <t xml:space="preserve">Видеокамера IP Купольная антивандальная </t>
    </r>
    <r>
      <rPr>
        <b/>
        <sz val="11"/>
        <rFont val="Calibri"/>
        <family val="2"/>
      </rPr>
      <t>2 Мп</t>
    </r>
    <r>
      <rPr>
        <sz val="11"/>
        <rFont val="Calibri"/>
        <family val="2"/>
      </rPr>
      <t xml:space="preserve"> с ИК подсветкой не более 30 м. Фикс. объектив  2.8 мм. 1/2.7" CMOS, угол обзора 112.7°, ICR, три потока: основной поток: 2MP (1920×1080): Max. 20 fps; второй поток: 720P (2560×720): Max. 20 fps; третий поток: 4CIF (704×576): Max. 20 fps, Ultra 265/H.264/MJPEG, Слот для Карты памяти Micro SD до 256 GB, DWDR, 0.02 Lux, IP67 &amp; IK10. 3  плоскости регулировки положения; -40°C до +60°C; 12V, Потребляемая мощность: макс. 5 Вт</t>
    </r>
  </si>
  <si>
    <t>Видеозвонки</t>
  </si>
  <si>
    <t>URDB1</t>
  </si>
  <si>
    <t>URDB1-RU</t>
  </si>
  <si>
    <t>Дверной IP видеозвонок
Матрица 1/2.9"/2MP/CMOS,  1080P HD с углом обзора по горизонту 160°,  DWDR, Объектив: 2.0 мм, Iris: F2.0, Iris Fixed, минимальная освещенность  "цвет: 0.02Lux (F2.0, AGC ON), 0 Lux с ИК", ИК до 5м, Сжатие видео H.265,H.264, Smart Function √, Frame Rate 1920×1080 25fps, Два потока видео , OSD font lattice, 1 OSD, аудио вх/вых: встроенный микрофон и встроенный динамик, поддержка двусторонней связи, карта MicroSD до  128GB, сетевой интерфейс: Wifi, 802.11 b/g/n Wi-Fi @2.4GHz, кнопка сброса, Условия эксплуатации -30°C ~ 50°C, IP65, вес 0.11kg . Потребляемая мощность Max 5.5W,  16~24V AC и DC 12V
Размеры: (L × W × H) 46.8 × 23.5 × 123.2mm . Гарантия: 1 год.</t>
  </si>
  <si>
    <t>IPC2124SR3-ADPF28M-F</t>
  </si>
  <si>
    <t>IPC2124SR3-ADPF28M-F-RU</t>
  </si>
  <si>
    <r>
      <t xml:space="preserve">Видеокамера IP Уличная цилиндрическ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втроенный микрофон</t>
    </r>
    <r>
      <rPr>
        <sz val="11"/>
        <rFont val="Calibri"/>
        <family val="2"/>
      </rPr>
      <t>.  4MP (2592*1520), Max 30fps; 4MP (2560*1440), Max 30fps, тройной видеопоток, Smart функции - Детекция движения, вторжение в зону, обнаружение вмешательства, аудио детекция, вторжение в область  и др.  IP67; -40°C до +60°C; 12V, PoE (IEEE802.3 af), Потребляемая мощность: макс. 6,4 Вт</t>
    </r>
  </si>
  <si>
    <t>IPC2124SR3-ADPF40M-F</t>
  </si>
  <si>
    <t>IPC2124SR3-ADPF40M-F-RU</t>
  </si>
  <si>
    <t>IPC2125SR3-ADPF28M-F</t>
  </si>
  <si>
    <t>IPC2125SR3-ADPF28M-F-RU</t>
  </si>
  <si>
    <r>
      <t xml:space="preserve">Видеокамера IP Уличная цилиндрическ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в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6,4 Вт</t>
    </r>
  </si>
  <si>
    <t>IPC2125SR3-ADPF40M-F</t>
  </si>
  <si>
    <t>IPC2125SR3-ADPF40M-F-RU</t>
  </si>
  <si>
    <t>IPC2124SS-ADF28KM</t>
  </si>
  <si>
    <t>IPC2124SS-ADF28KM-RU</t>
  </si>
  <si>
    <r>
      <t xml:space="preserve">Видеокамера IP Уличная цилиндрическая </t>
    </r>
    <r>
      <rPr>
        <b/>
        <sz val="11"/>
        <color rgb="FFFF0000"/>
        <rFont val="Calibri"/>
        <family val="2"/>
      </rPr>
      <t>LightHunter 4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4мм, 1/3" CMOS, Iris: F1.6, угол обзора </t>
    </r>
    <r>
      <rPr>
        <b/>
        <sz val="11"/>
        <color rgb="FFFF0000"/>
        <rFont val="Calibri"/>
        <family val="2"/>
      </rPr>
      <t>107.8°/82°</t>
    </r>
    <r>
      <rPr>
        <sz val="11"/>
        <rFont val="Calibri"/>
        <family val="2"/>
      </rPr>
      <t xml:space="preserve">, ICR,  2688*1520, 30fps/2560*1440, 30fps/2304*1296, 30fps/1920*1080, 30fps, тройной видеопоток, Ultra265, H.265, H.264, MJPEG, </t>
    </r>
    <r>
      <rPr>
        <b/>
        <sz val="11"/>
        <rFont val="Calibri"/>
        <family val="2"/>
      </rPr>
      <t>WDR 120dB</t>
    </r>
    <r>
      <rPr>
        <sz val="11"/>
        <rFont val="Calibri"/>
        <family val="2"/>
      </rPr>
      <t xml:space="preserve">, </t>
    </r>
    <r>
      <rPr>
        <b/>
        <sz val="11"/>
        <color rgb="FFFF0000"/>
        <rFont val="Calibri"/>
        <family val="2"/>
      </rPr>
      <t>0.003Lux</t>
    </r>
    <r>
      <rPr>
        <sz val="11"/>
        <rFont val="Calibri"/>
        <family val="2"/>
      </rPr>
      <t xml:space="preserve"> (F1.6, AGC ON) минимальная освещенность, MicroSD, up to 128GB, кнопка сброса.  Smart функции - Вторжение в зону, пересечение линий, аудио детекция,  расфокусировка, смена сцены, обнаружение человека и др.  IP67; -40°C до +60°C; 12V, PoE (IEEE802.3 af), 0.43kg, Потребляемая мощность: макс. 5 Вт</t>
    </r>
  </si>
  <si>
    <t>IPC2124SS-ADF40KM</t>
  </si>
  <si>
    <t>IPC2124SS-ADF40KM-RU</t>
  </si>
  <si>
    <t>IPC2122SR3-PF40-C</t>
  </si>
  <si>
    <t>IPC2122SR3-PF40-C-RU</t>
  </si>
  <si>
    <r>
      <t xml:space="preserve">Видеокамера IP Уличная цилиндрическая </t>
    </r>
    <r>
      <rPr>
        <b/>
        <sz val="11"/>
        <color rgb="FFFF0000"/>
        <rFont val="Calibri"/>
        <family val="2"/>
      </rPr>
      <t>2 Мп</t>
    </r>
    <r>
      <rPr>
        <sz val="11"/>
        <rFont val="Calibri"/>
        <family val="2"/>
      </rPr>
      <t xml:space="preserve"> с ИК подсветкой до 30 м., фикс.  объектив 4мм, 1/2.7" CMOS, угол обзора 80.8°, ICR, 1920x1080:25fps, тройной видеопоток, Ultra 265/H.264/MJPEG, DWDR, </t>
    </r>
    <r>
      <rPr>
        <b/>
        <sz val="11"/>
        <color rgb="FFFF0000"/>
        <rFont val="Calibri"/>
        <family val="2"/>
      </rPr>
      <t>0.005 Lux</t>
    </r>
    <r>
      <rPr>
        <sz val="11"/>
        <rFont val="Calibri"/>
        <family val="2"/>
      </rPr>
      <t xml:space="preserve"> минимальная освещенность.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 Вт</t>
    </r>
  </si>
  <si>
    <t>IPC2122SR3-APF40-C</t>
  </si>
  <si>
    <t>IPC2122SR3-APF40-C-RU</t>
  </si>
  <si>
    <r>
      <t xml:space="preserve">Видеокамера IP Уличная цилиндрическая </t>
    </r>
    <r>
      <rPr>
        <b/>
        <sz val="11"/>
        <color rgb="FFFF0000"/>
        <rFont val="Calibri"/>
        <family val="2"/>
      </rPr>
      <t>2 Мп</t>
    </r>
    <r>
      <rPr>
        <sz val="11"/>
        <color rgb="FFFF0000"/>
        <rFont val="Calibri"/>
        <family val="2"/>
      </rPr>
      <t xml:space="preserve"> </t>
    </r>
    <r>
      <rPr>
        <sz val="11"/>
        <rFont val="Calibri"/>
        <family val="2"/>
      </rPr>
      <t>с ИК подсветкой до 30 м., фикс.  объектив 4мм/ 6мм, 1/2.7" CMOS, угол обзора 80.8°/54.9°, ICR, 1920x1080:25fps, тройной видеопоток, Ultra 265/H.264/MJPEG, DWDR,</t>
    </r>
    <r>
      <rPr>
        <b/>
        <sz val="11"/>
        <color rgb="FFFF0000"/>
        <rFont val="Calibri"/>
        <family val="2"/>
      </rPr>
      <t xml:space="preserve"> 0.005 Lux</t>
    </r>
    <r>
      <rPr>
        <sz val="11"/>
        <rFont val="Calibri"/>
        <family val="2"/>
      </rPr>
      <t xml:space="preserve"> минимальная освещенность, </t>
    </r>
    <r>
      <rPr>
        <b/>
        <sz val="11"/>
        <color rgb="FFFF0000"/>
        <rFont val="Calibri"/>
        <family val="2"/>
      </rPr>
      <t>втроенный микрофон, тревожные вход/выход 1/1</t>
    </r>
    <r>
      <rPr>
        <sz val="11"/>
        <rFont val="Calibri"/>
        <family val="2"/>
      </rPr>
      <t>.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 Вт</t>
    </r>
  </si>
  <si>
    <t>IPC2122SR3-UPF40-C-RU</t>
  </si>
  <si>
    <r>
      <t xml:space="preserve">Видеокамера IP Уличная цилиндрическая </t>
    </r>
    <r>
      <rPr>
        <b/>
        <sz val="11"/>
        <color rgb="FFFF0000"/>
        <rFont val="Calibri"/>
        <family val="2"/>
      </rPr>
      <t>Starview 2 Мп</t>
    </r>
    <r>
      <rPr>
        <sz val="11"/>
        <color rgb="FFFF0000"/>
        <rFont val="Calibri"/>
        <family val="2"/>
      </rPr>
      <t xml:space="preserve"> </t>
    </r>
    <r>
      <rPr>
        <sz val="11"/>
        <rFont val="Calibri"/>
        <family val="2"/>
      </rPr>
      <t xml:space="preserve">с ИК подсветкой до 30 м., фикс.  объектив 4/6мм, 1/2.8" CMOS, угол обзора 78.7°/53.3°, ICR, 1920x1080:25fps, тройной видеопоток, Ultra 265/H.264/MJPEG, </t>
    </r>
    <r>
      <rPr>
        <b/>
        <sz val="11"/>
        <color rgb="FFFF0000"/>
        <rFont val="Calibri"/>
        <family val="2"/>
      </rPr>
      <t>WDR 120dB, Starlight: 0.001 Lux</t>
    </r>
    <r>
      <rPr>
        <sz val="11"/>
        <rFont val="Calibri"/>
        <family val="2"/>
      </rPr>
      <t xml:space="preserve"> минимальная освещенность.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6,4 Вт</t>
    </r>
  </si>
  <si>
    <t>IPC2124SR3-APF40</t>
  </si>
  <si>
    <t>IPC2124SR3-APF40-RU</t>
  </si>
  <si>
    <t>Видеокамера IP Уличная цилиндрическая 4 Мп с ИК подсветкой до 30 м., фикс. объектив 4/6мм, 1/3" CMOS, угол обзора 78.9°/49.9°, ICR, 2592×1520:20fps / 1920x1080:25fps, тройной видеопоток, Ultra 265/H.264/MJPEG, WDR 120dB, 0.03Lux (F2.0, AGC ON) минимальная освещенность, тревожные ввод/вывод 1/1,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6,4 Вт</t>
  </si>
  <si>
    <t>IPC2125SR3-ADUPF40</t>
  </si>
  <si>
    <t>IPC2125SR3-ADUPF40-RU</t>
  </si>
  <si>
    <r>
      <t xml:space="preserve">Видеокамера IP Уличная цилиндрическая </t>
    </r>
    <r>
      <rPr>
        <b/>
        <sz val="11"/>
        <color rgb="FFFF0000"/>
        <rFont val="Calibri"/>
        <family val="2"/>
      </rPr>
      <t>Starview 5 Мп</t>
    </r>
    <r>
      <rPr>
        <sz val="11"/>
        <rFont val="Calibri"/>
        <family val="2"/>
      </rPr>
      <t xml:space="preserve"> с ИК подсветкой до 30 м., фикс. объектив 4/6мм, 1/2.7" CMOS, угол обзора 79.7°/50.5°, ICR, 2592x1944:20fps / 1920x1080:25fps, Ultra 265/H.264/MJPEG, </t>
    </r>
    <r>
      <rPr>
        <b/>
        <sz val="11"/>
        <color rgb="FFFF0000"/>
        <rFont val="Calibri"/>
        <family val="2"/>
      </rPr>
      <t>WDR 120dB, Starlight: 0.005 Lux</t>
    </r>
    <r>
      <rPr>
        <sz val="11"/>
        <rFont val="Calibri"/>
        <family val="2"/>
      </rPr>
      <t xml:space="preserve"> минимальная освещенность</t>
    </r>
    <r>
      <rPr>
        <sz val="11"/>
        <rFont val="Calibri"/>
        <family val="2"/>
      </rPr>
      <t>,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6,4 Вт</t>
    </r>
  </si>
  <si>
    <t>Замена: IPC2124SB-ADF28KM-I0</t>
  </si>
  <si>
    <t>Замена: IPC2124SB-ADF40KM-I0</t>
  </si>
  <si>
    <t>Замена: 
IPC2122SB-ADF28KM-I0 или
IPC2122SB-ADF40KM-I0</t>
  </si>
  <si>
    <t>Замена: IPC2122SB-ADF40KM-I0</t>
  </si>
  <si>
    <t>Замена: IPC2122SB-ADF28KM-I0
IPC2122SB-ADF40KM-I0</t>
  </si>
  <si>
    <t>Замена: IPC2125SB-ADF40KM-I0</t>
  </si>
  <si>
    <t>IPC324SR3-DVPF28-F</t>
  </si>
  <si>
    <t>IPC324SR3-DVPF28-F-RU</t>
  </si>
  <si>
    <r>
      <t xml:space="preserve">Видеокамера IP Купольная антивандальн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4MP (2592*1520), Max 3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Audio ввод/вывод 1/1, тревожные ввод/вывод</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IK10; -40°C до +60°C; 12V, PoE (IEEE802.3 af), Потребляемая мощность: макс. 5,5 Вт</t>
    </r>
  </si>
  <si>
    <t>IPC324SR3-DVPF40-F</t>
  </si>
  <si>
    <t>IPC324SR3-DVPF40-F-RU</t>
  </si>
  <si>
    <t>IPC324SB-DF28K-I0</t>
  </si>
  <si>
    <t>IPC324SB-DF40K-I0</t>
  </si>
  <si>
    <t>IPC325SR3-DVPF28-F</t>
  </si>
  <si>
    <t>IPC325SR3-DVPF28-F-RU</t>
  </si>
  <si>
    <r>
      <t xml:space="preserve">Видеокамера IP Купольная антивандальн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слот для Карты памяти </t>
    </r>
    <r>
      <rPr>
        <b/>
        <sz val="11"/>
        <color rgb="FFFF0000"/>
        <rFont val="Calibri"/>
        <family val="2"/>
      </rPr>
      <t>Micro SD 256GB</t>
    </r>
    <r>
      <rPr>
        <sz val="11"/>
        <rFont val="Calibri"/>
        <family val="2"/>
      </rPr>
      <t xml:space="preserve">, </t>
    </r>
    <r>
      <rPr>
        <b/>
        <sz val="11"/>
        <color rgb="FFFF0000"/>
        <rFont val="Calibri"/>
        <family val="2"/>
      </rPr>
      <t>Audio ввод/вывод1/1, тревожные ввод/вывод</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IK10; -40°C до +60°C; 12V, PoE (IEEE802.3 af), Потребляемая мощность: макс. 5,5 Вт 0.45kg</t>
    </r>
  </si>
  <si>
    <t>IPC325SR3-DVPF40-F</t>
  </si>
  <si>
    <t>IPC325SR3-DVPF40-F-RU</t>
  </si>
  <si>
    <t>IPC3614SR3-ADPF28-F</t>
  </si>
  <si>
    <t>IPC3614SR3-ADPF28-F-RU</t>
  </si>
  <si>
    <r>
      <t xml:space="preserve">Видеокамера IP Купольная  </t>
    </r>
    <r>
      <rPr>
        <b/>
        <sz val="11"/>
        <color rgb="FFFF0000"/>
        <rFont val="Calibri"/>
        <family val="2"/>
      </rPr>
      <t>4 Мп</t>
    </r>
    <r>
      <rPr>
        <sz val="11"/>
        <color rgb="FFFF0000"/>
        <rFont val="Calibri"/>
        <family val="2"/>
      </rPr>
      <t xml:space="preserve"> </t>
    </r>
    <r>
      <rPr>
        <sz val="11"/>
        <rFont val="Calibri"/>
        <family val="2"/>
      </rPr>
      <t xml:space="preserve">с ИК подсветкой до 30 м., фикс.  объектив 2,8мм/ 4мм, 1/3" CMOS, угол обзора 107.8°/82.0°, ICR, 4MP (2592*1520), Max 3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t>
    </r>
    <r>
      <rPr>
        <b/>
        <sz val="11"/>
        <color rgb="FFFF0000"/>
        <rFont val="Calibri"/>
        <family val="2"/>
      </rPr>
      <t>вс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5,5 Вт</t>
    </r>
  </si>
  <si>
    <t>IPC3614SR3-ADPF40-F</t>
  </si>
  <si>
    <t>IPC3614SR3-ADPF40-F-RU</t>
  </si>
  <si>
    <t>IPC3614SB-ADF28KM-I0</t>
  </si>
  <si>
    <t>IPC3614SB-ADF40KM-I0</t>
  </si>
  <si>
    <t>IPC3615SR3-ADPF28-F</t>
  </si>
  <si>
    <t>IPC3615SR3-ADPF28-F-RU</t>
  </si>
  <si>
    <r>
      <t xml:space="preserve">Видеокамера IP Купольная </t>
    </r>
    <r>
      <rPr>
        <b/>
        <sz val="11"/>
        <color rgb="FFFF0000"/>
        <rFont val="Calibri"/>
        <family val="2"/>
      </rPr>
      <t>5 Мп</t>
    </r>
    <r>
      <rPr>
        <sz val="11"/>
        <color rgb="FFFF0000"/>
        <rFont val="Calibri"/>
        <family val="2"/>
      </rPr>
      <t xml:space="preserve"> </t>
    </r>
    <r>
      <rPr>
        <sz val="11"/>
        <rFont val="Calibri"/>
        <family val="2"/>
      </rPr>
      <t xml:space="preserve">с ИК подсветкой до 30 м., фикс.  объектив 2,8мм/ 4мм, 1/2,7" CMOS, угол обзора 105.6°/80°, ICR, 5MP (2592*1944), Max 20fps; 4MP (2560*1440), Max 30fps, тройной видеопоток, Ultra 265/H.264/MJPEG, </t>
    </r>
    <r>
      <rPr>
        <b/>
        <sz val="11"/>
        <color rgb="FFFF0000"/>
        <rFont val="Calibri"/>
        <family val="2"/>
      </rPr>
      <t>WDR 120dB</t>
    </r>
    <r>
      <rPr>
        <sz val="11"/>
        <rFont val="Calibri"/>
        <family val="2"/>
      </rPr>
      <t>,</t>
    </r>
    <r>
      <rPr>
        <b/>
        <sz val="11"/>
        <color rgb="FFFF0000"/>
        <rFont val="Calibri"/>
        <family val="2"/>
      </rPr>
      <t xml:space="preserve"> </t>
    </r>
    <r>
      <rPr>
        <sz val="11"/>
        <rFont val="Calibri"/>
        <family val="2"/>
      </rPr>
      <t xml:space="preserve">0.01 Lux минимальная освещенность, </t>
    </r>
    <r>
      <rPr>
        <b/>
        <sz val="11"/>
        <color rgb="FFFF0000"/>
        <rFont val="Calibri"/>
        <family val="2"/>
      </rPr>
      <t>встроенный микрофон</t>
    </r>
    <r>
      <rPr>
        <sz val="11"/>
        <rFont val="Calibri"/>
        <family val="2"/>
      </rPr>
      <t>.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5,5 Вт 0.45kg</t>
    </r>
  </si>
  <si>
    <t>IPC3615SR3-ADPF40-F</t>
  </si>
  <si>
    <t>IPC3615SR3-ADPF40-F-RU</t>
  </si>
  <si>
    <t>IPC324SS-DF28K</t>
  </si>
  <si>
    <t>IPC324SS-DF28K-RU</t>
  </si>
  <si>
    <r>
      <t xml:space="preserve">Видеокамера IP Купольная антивандальная </t>
    </r>
    <r>
      <rPr>
        <b/>
        <sz val="11"/>
        <color rgb="FFFF0000"/>
        <rFont val="Calibri"/>
        <family val="2"/>
      </rPr>
      <t>LightHunter</t>
    </r>
    <r>
      <rPr>
        <sz val="11"/>
        <rFont val="Calibri"/>
        <family val="2"/>
      </rPr>
      <t xml:space="preserve"> </t>
    </r>
    <r>
      <rPr>
        <b/>
        <sz val="11"/>
        <color rgb="FFFF0000"/>
        <rFont val="Calibri"/>
        <family val="2"/>
      </rPr>
      <t>4 Мп</t>
    </r>
    <r>
      <rPr>
        <sz val="11"/>
        <rFont val="Calibri"/>
        <family val="2"/>
      </rPr>
      <t xml:space="preserve"> с ИК подсветкой </t>
    </r>
    <r>
      <rPr>
        <b/>
        <sz val="11"/>
        <color rgb="FFFF0000"/>
        <rFont val="Calibri"/>
        <family val="2"/>
      </rPr>
      <t>до 40 м</t>
    </r>
    <r>
      <rPr>
        <sz val="11"/>
        <rFont val="Calibri"/>
        <family val="2"/>
      </rPr>
      <t xml:space="preserve">., фикс. объектив 2,8/4мм, 1/3" CMOS, Iris: F1.6., угол обзора 1107.8°/82°, ICR, 2688*1520, 30fps/2560*1440, 30fps/2304*1296, 30fps/1920*1080, 30fps, тройной видеопоток, Ultra 265/H.264/MJPEG, </t>
    </r>
    <r>
      <rPr>
        <b/>
        <sz val="11"/>
        <color rgb="FFFF0000"/>
        <rFont val="Calibri"/>
        <family val="2"/>
      </rPr>
      <t>WDR 120dB, 0.003 Lux</t>
    </r>
    <r>
      <rPr>
        <sz val="11"/>
        <rFont val="Calibri"/>
        <family val="2"/>
      </rPr>
      <t xml:space="preserve"> минимальная освещенность, слот для Карты памяти Micro SD 128GB, тревожные ввод/вывод 1/1, Audio ввод/вывод 1/1. Smart функции - Вторжение в зону, пересечение линий, расфокусировка, смена сцены, обнаружение людей и др.  IP67/IK10; -40°C до +60°C; 12V±25%, PoE (IEEE802.3 af), Потребляемая мощность: 0.43kg, макс. 4,5 Вт</t>
    </r>
  </si>
  <si>
    <t>IPC324SS-DF40K</t>
  </si>
  <si>
    <t>IPC324SS-DF40K-RU</t>
  </si>
  <si>
    <t>IPC322SR3-DVPF28-C</t>
  </si>
  <si>
    <t>IPC322SR3-DVPF28-C-RU</t>
  </si>
  <si>
    <r>
      <t>Видеокамера IP Купольная антивандальная</t>
    </r>
    <r>
      <rPr>
        <b/>
        <sz val="11"/>
        <color rgb="FFFF0000"/>
        <rFont val="Calibri"/>
        <family val="2"/>
      </rPr>
      <t xml:space="preserve"> 2 Мп</t>
    </r>
    <r>
      <rPr>
        <sz val="11"/>
        <rFont val="Calibri"/>
        <family val="2"/>
      </rPr>
      <t xml:space="preserve"> с ИК подсветкой не более 30 м. Фикс. объектив  2.8мм 1/2.7" CMOS,  угол обзора 112.7°, ICR, 1920x1080:30к/с, Ultra 265/H.264/MJPEG, тройной видеопоток, DC12V &amp; PoE, Слот для карты памяти </t>
    </r>
    <r>
      <rPr>
        <b/>
        <sz val="11"/>
        <color rgb="FFFF0000"/>
        <rFont val="Calibri"/>
        <family val="2"/>
      </rPr>
      <t>Micro SD 256GB,120dB WDR, 0.003Lux (F2.0, AGC ON)</t>
    </r>
    <r>
      <rPr>
        <sz val="11"/>
        <rFont val="Calibri"/>
        <family val="2"/>
      </rPr>
      <t>, сигнал тревоги ввод/вывод1/1,Audio ввод/вывод1/1, IP67 &amp; IK10. 3  плоскости регулировки положения.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4 Вт</t>
    </r>
  </si>
  <si>
    <t>IPC322SR3-DVPF40-C</t>
  </si>
  <si>
    <t>IPC322SR3-DVPF40-C-RU</t>
  </si>
  <si>
    <r>
      <t xml:space="preserve">Видеокамера IP Купольная антивандальная </t>
    </r>
    <r>
      <rPr>
        <b/>
        <sz val="11"/>
        <color rgb="FFFF0000"/>
        <rFont val="Calibri"/>
        <family val="2"/>
      </rPr>
      <t xml:space="preserve">2 Мп </t>
    </r>
    <r>
      <rPr>
        <sz val="11"/>
        <rFont val="Calibri"/>
        <family val="2"/>
      </rPr>
      <t xml:space="preserve">с ИК подсветкой не более 30 м. Фикс. объектив  4.0мм.1/2.7" CMOS,  угол обзора  86.5°, ICR, 1920x1080:30к/с, Ultra 265/H.264/MJPEG, тройной видеопоток, DC12V &amp; PoE, Слот для карты памяти </t>
    </r>
    <r>
      <rPr>
        <b/>
        <sz val="11"/>
        <color rgb="FFFF0000"/>
        <rFont val="Calibri"/>
        <family val="2"/>
      </rPr>
      <t>Micro SD,120dB WDR, 0.003Lux (F2.0, AGC ON)</t>
    </r>
    <r>
      <rPr>
        <sz val="11"/>
        <rFont val="Calibri"/>
        <family val="2"/>
      </rPr>
      <t>, сигнал тревоги ввод/вывод1/1,Audio ввод/вывод1/1, IP67 &amp; IK10.3  плоскости регулировки положения.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4 Вт</t>
    </r>
  </si>
  <si>
    <t>IPC322ER3-DUVPF28-C</t>
  </si>
  <si>
    <t>IPC322ER3-DUVPF28-C-RU</t>
  </si>
  <si>
    <r>
      <t>Видеокамера IP Купольная антивандальная</t>
    </r>
    <r>
      <rPr>
        <b/>
        <sz val="11"/>
        <color rgb="FFFF0000"/>
        <rFont val="Calibri"/>
        <family val="2"/>
      </rPr>
      <t xml:space="preserve"> Starview 2 Мп </t>
    </r>
    <r>
      <rPr>
        <sz val="11"/>
        <rFont val="Calibri"/>
        <family val="2"/>
      </rPr>
      <t xml:space="preserve">с ИК подсветкой до 30 м., фикс.объектив 2.8/4мм, 1/2.8" CMOS, угол обзора  107.8°/82°, ICR, 1920x1080:25fps, тройной видеопоток, Ultra 265/H.264/MJPEG, </t>
    </r>
    <r>
      <rPr>
        <b/>
        <sz val="11"/>
        <color rgb="FFFF0000"/>
        <rFont val="Calibri"/>
        <family val="2"/>
      </rPr>
      <t>WDR 120dB, Starlight: 0.001Lux</t>
    </r>
    <r>
      <rPr>
        <sz val="11"/>
        <rFont val="Calibri"/>
        <family val="2"/>
      </rPr>
      <t xml:space="preserve"> (F1.6, AGC ON) минимальная освещенность, cлот </t>
    </r>
    <r>
      <rPr>
        <b/>
        <sz val="11"/>
        <color rgb="FFFF0000"/>
        <rFont val="Calibri"/>
        <family val="2"/>
      </rPr>
      <t>micro SD (256Gb), тревожные ввод/вывод 1/1, Audio ввод/вывод 1/1</t>
    </r>
    <r>
      <rPr>
        <sz val="11"/>
        <rFont val="Calibri"/>
        <family val="2"/>
      </rPr>
      <t>.  Smart функции - Вторжение в зону, пересечение линий, детекция лиц, аудио детекция, расфокусировка, смена сцены, подсчет посетителей. IP67/IK10; -40°C до +60°C; 12V, PoE (IEEE802.3 af), Потребляемая мощность: макс. 5,5 Вт</t>
    </r>
  </si>
  <si>
    <t>IPC322ER3-DUVPF40-C-RU</t>
  </si>
  <si>
    <t>IPC324ER3-DVPF28</t>
  </si>
  <si>
    <t>IPC324ER3-DVPF28-RU</t>
  </si>
  <si>
    <r>
      <t xml:space="preserve">Видеокамера IP Купольная антивандальная </t>
    </r>
    <r>
      <rPr>
        <b/>
        <sz val="11"/>
        <color rgb="FFFF0000"/>
        <rFont val="Calibri"/>
        <family val="2"/>
      </rPr>
      <t>4 Мп</t>
    </r>
    <r>
      <rPr>
        <sz val="11"/>
        <rFont val="Calibri"/>
        <family val="2"/>
      </rPr>
      <t xml:space="preserve"> с ИК подсветкой до 30 м., фикс. объектив 2,8/3,6мм, 1/3" CMOS, угол обзора 104.4°/86.4°/49.9°, ICR, 2592×1520:20fps / 1920x1080:25fps, тройной видеопоток, Ultra 265/H.264/MJPEG, </t>
    </r>
    <r>
      <rPr>
        <b/>
        <sz val="11"/>
        <color rgb="FFFF0000"/>
        <rFont val="Calibri"/>
        <family val="2"/>
      </rPr>
      <t>WDR 120dB</t>
    </r>
    <r>
      <rPr>
        <sz val="11"/>
        <rFont val="Calibri"/>
        <family val="2"/>
      </rPr>
      <t>, 0.03 Lux минимальная освещенность, тревожные ввод/вывод 1/1, Audio ввод/вывод 1/1.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5,5 Вт</t>
    </r>
  </si>
  <si>
    <t>IPC324ER3-DVPF36</t>
  </si>
  <si>
    <t>IPC324ER3-DVPF36-RU</t>
  </si>
  <si>
    <t>IPC325ER3-DUVPF28</t>
  </si>
  <si>
    <t>IPC325ER3-DUVPF28-RU</t>
  </si>
  <si>
    <t>Видеокамера IP Купольная антивандальная Starview 5 Мп с ИК подсветкой до 30 м., фикс.объектив 2.8/4мм, 1/2.7" CMOS, угол обзора  105.3°/79.7°, ICR, 2592x1944:20fps / 1920x1080:25fps, Ultra 265/H.264/MJPEG, WDR 120dB, Starlight: 0.005 Lux минимальная освещенность, cлот micro SD (256Gb), тревожные вход/выход 1/1, Audio ввод/вывод 1/1.  Smart функции - Вторжение в зону, пересечение линий, детекция лиц, аудио детекция, расфокусировка, смена сцены, подсчет посетителей. IP67; -40°C до +60°C; 12V, PoE (IEEE802.3 af), Потребляемая мощность: макс. 5,5 Вт</t>
  </si>
  <si>
    <t>IPC312SR-VPF28-C</t>
  </si>
  <si>
    <t>IPC312SR-VPF28-C-RU</t>
  </si>
  <si>
    <t>Видеокамера IP Мини-купольная антивандальная 2 Мп с ИК подсветкой до 15 м., фикс. объектив 2,8/4мм, 1/3" CMOS, угол обзора 107.8°/82°, ICR, 1920x1080:25fps, Ultra 265/H.264/MJPEG, DWDR, 0.005 Lux минимальная освещенность, cлот micro SD (256Gb), Audio ввод/вывод 1/1, втроенный микрофон.  Smart функции - Вторжение в зону, пересечение линий, аудио детекция, детекция лиц, расфокусировка, смена сцены, подсчет посетителей.  IP66/IK10; -40°C до +60°C; 12V, PoE (IEEE802.3 af), Потребляемая мощность: макс. 5 Вт</t>
  </si>
  <si>
    <t>IPC312SR-VPF40-C</t>
  </si>
  <si>
    <t>IPC312SR-VPF40-C-RU</t>
  </si>
  <si>
    <t>IPC314SR-DVPF28</t>
  </si>
  <si>
    <t>IPC314SR-DVPF28-RU</t>
  </si>
  <si>
    <t>Видеокамера IP Мини-купольная антивандальная 4 Мп с ИК подсветкой до 15 м., фикс. объектив 2,8/3,6мм, 1/3" CMOS, угол обзора 104.4°/76.8°, ICR, 2592×1520:20fps / 1920x1080:25fps, тройной видеопоток, Ultra 265/H.264/MJPEG, WDR 120dB, 0.03Lux (F2.0, AGC ON) минимальная освещенность, cлот micro SD (256Gb), Audio ввод/вывод 1/1, втроенный микрофон.  Smart функции - Вторжение в зону, пересечение линий, аудио детекция, детекция лиц, расфокусировка, смена сцены, подсчет посетителей.  IP66/IK10; -40°C до +60°C; 12V, PoE (IEEE802.3 af), Потребляемая мощность: макс. 5 Вт</t>
  </si>
  <si>
    <t>IPC314SR-DVPF36</t>
  </si>
  <si>
    <t>IPC314SR-DVPF36-RU</t>
  </si>
  <si>
    <t>Замена: IPC324SB-DF28K-I0</t>
  </si>
  <si>
    <t>Замена:IPC324SB-DF40K-I0</t>
  </si>
  <si>
    <t>Замена: IPC322SB-DF28K-I0</t>
  </si>
  <si>
    <t>Замена: IPC322SB-DF40K-I0</t>
  </si>
  <si>
    <t>Замена: IPC325SB-DF28K-I0</t>
  </si>
  <si>
    <t>IPC312SB-ADF28K-I0-RU</t>
  </si>
  <si>
    <t>IPC314SB-ADF28K-I0-RU</t>
  </si>
  <si>
    <t>IPC2324SBR5-DPZ-F</t>
  </si>
  <si>
    <t>IPC2324SBR5-DPZ-F-RU</t>
  </si>
  <si>
    <t>Видеокамера IP Уличная цилиндрическая 4 Мп с ИК подсветкой до 5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IPC2324SB-DZK-I0</t>
  </si>
  <si>
    <t>IPC2324SS-DZK</t>
  </si>
  <si>
    <t>IPC2324SS-DZK-RU</t>
  </si>
  <si>
    <r>
      <t xml:space="preserve">Видеокамера IP Уличная цилиндрическая антивандальная </t>
    </r>
    <r>
      <rPr>
        <b/>
        <sz val="11"/>
        <rFont val="Calibri"/>
        <family val="2"/>
      </rPr>
      <t>4Мп</t>
    </r>
    <r>
      <rPr>
        <sz val="11"/>
        <rFont val="Calibri"/>
        <family val="2"/>
      </rPr>
      <t xml:space="preserve"> с ИК подсветкой до </t>
    </r>
    <r>
      <rPr>
        <b/>
        <sz val="11"/>
        <color rgb="FFFF0000"/>
        <rFont val="Calibri"/>
        <family val="2"/>
      </rPr>
      <t>50 м</t>
    </r>
    <r>
      <rPr>
        <sz val="11"/>
        <rFont val="Calibri"/>
        <family val="2"/>
      </rPr>
      <t xml:space="preserve">., моторизированный объектив </t>
    </r>
    <r>
      <rPr>
        <b/>
        <sz val="11"/>
        <color rgb="FFFF0000"/>
        <rFont val="Calibri"/>
        <family val="2"/>
      </rPr>
      <t>2.7-13.5мм</t>
    </r>
    <r>
      <rPr>
        <sz val="11"/>
        <rFont val="Calibri"/>
        <family val="2"/>
      </rPr>
      <t xml:space="preserve">, 1/3" CMOS, угол обзора </t>
    </r>
    <r>
      <rPr>
        <b/>
        <sz val="11"/>
        <color rgb="FFFF0000"/>
        <rFont val="Calibri"/>
        <family val="2"/>
      </rPr>
      <t>100.1° ~ 28.6°</t>
    </r>
    <r>
      <rPr>
        <sz val="11"/>
        <rFont val="Calibri"/>
        <family val="2"/>
      </rPr>
      <t xml:space="preserve">, ICR, 2688*1520: 30fps; 2560*1440: 30fps, ROI, тройной видеопоток, Ultra265, H.265, H.264, MJPEG, WDR 120dB, LightHunter: </t>
    </r>
    <r>
      <rPr>
        <b/>
        <sz val="11"/>
        <color rgb="FFFF0000"/>
        <rFont val="Calibri"/>
        <family val="2"/>
      </rPr>
      <t>0.002 Lux</t>
    </r>
    <r>
      <rPr>
        <sz val="11"/>
        <rFont val="Calibri"/>
        <family val="2"/>
      </rPr>
      <t xml:space="preserve"> (F1.35, AGC ON) минимальная освещенность, cлот micro SD (256Gb), тревожные ввод/вывод 1/1, Audio ввод/вывод 1/1.  до 8 OSDs, Smart функции - Вторжение в зону, пересечение линий, аудио детекция, расфокусировка, смена сцены,   IP67&amp;IK10; -40°C до +60°C; 12V, PoE (IEEE802.3 af), Потребляемая мощность: макс. 8,5 Вт</t>
    </r>
  </si>
  <si>
    <t>Замена: IPC2324SB-DZK-I0</t>
  </si>
  <si>
    <t>IPC2325SBR5-DPZ-F</t>
  </si>
  <si>
    <t>IPC2325SBR5-DPZ-F-RU</t>
  </si>
  <si>
    <t>Видеокамера IP Уличная цилиндрическая 5 Мп с ИК подсветкой до 5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IPC2325SB-DZK-I0</t>
  </si>
  <si>
    <t>IPC2325SB-DZK-I0-RU</t>
  </si>
  <si>
    <t>IPC2322EBR5-DUPZ-C</t>
  </si>
  <si>
    <t>IPC2322EBR5-DUPZ-C-RU</t>
  </si>
  <si>
    <t>Видеокамера IP Уличная цилиндрическая Starview 2 Мп с ИК подсветкой до 5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10 Вт.</t>
  </si>
  <si>
    <t>IPC2322EBR5-P-C</t>
  </si>
  <si>
    <t>IPC2322EBR5-P-C-RU</t>
  </si>
  <si>
    <t>Видеокамера IP Уличная цилиндрическая 2 Мп с ИК подсветкой до 50 м., вариофокальный объектив 2.8-12мм, 1/2.8" CMOS, угол обзора 94.0° ~ 28°, ICR, 1920x1080:25fps, тройной видеопоток, Ultra 265/H.264/MJPEG, WDR 120dB, 0.002 Lux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IPC2322EBR5-DPZ28-C</t>
  </si>
  <si>
    <t>IPC2322EBR5-DPZ28-C-RU</t>
  </si>
  <si>
    <t>Видеокамера IP Уличная цилиндрическая 2 Мп с ИК подсветкой до 50 м., моторизированный объектив 2.8-12мм, 1/2,8" CMOS, угол обзора 107.8° ~ 26.3°, ICR, 1920x1080:25fps, тройной видеопоток, Ultra 265/H.264/MJPEG, WDR 120dB, 0.002 Lux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IPC2324EBR-DPZ28</t>
  </si>
  <si>
    <t>IPC2324EBR-DPZ28-RU</t>
  </si>
  <si>
    <t>Видеокамера IP Уличная цилиндрическая 4 Мп с ИК подсветкой до 30 м., моторизированный объектив 2.8-12мм, 1/3" CMOS, угол обзора 91°~27°, ICR, 2592×1520:20fps / 1920x1080:25fps, тройной видеопоток, Ultra 265/H.264/MJPEG, WDR 120dB, 0.005Lux (F1.4, AGC ON) минимальная освещенность, cлот micro SD (256Gb), BNC 1,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9 Вт</t>
  </si>
  <si>
    <t>IPC2325EBR5-DUPZ</t>
  </si>
  <si>
    <t>IPC2325EBR5-DUPZ-RU</t>
  </si>
  <si>
    <t>Видеокамера IP Уличная цилиндрическая Starview 5 Мп с ИК подсветкой до 50 м., моторизированный объектив 2.7-13.5мм, 1/2.7" CMOS, угол обзора 93.38° ~28.56°, ICR, 2592x1944:20fps / 1920x1080:25fps, Ultra 265/H.264/MJPEG, WDR 120dB, Starlight: 0.002Lux (F1.2, AGC ON)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10 Вт</t>
  </si>
  <si>
    <t>IPC2322SB-DZK-I0</t>
  </si>
  <si>
    <t>Замена: IPC2322SB-DZK-I0</t>
  </si>
  <si>
    <t>Замена: IPC2325SB-DZK-I0</t>
  </si>
  <si>
    <t>IPC3534SR3-DVPZ-F</t>
  </si>
  <si>
    <t>IPC3534SR3-DVPZ-F-RU</t>
  </si>
  <si>
    <t>Видеокамера IP Купольная антивандальная 4 Мп с ИК подсветкой до 3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IK10; -40°C до +60°C; 12V, PoE (IEEE802.3 af), Потребляемая мощность: макс. 8,7 Вт</t>
  </si>
  <si>
    <t>IPC3234SB-ADZK-I0</t>
  </si>
  <si>
    <t>IPC3535SR3-DVPZ-F</t>
  </si>
  <si>
    <t>IPC3535SR3-DVPZ-F-RU</t>
  </si>
  <si>
    <t>Видеокамера IP Купольная антивандальная 5 Мп с ИК подсветкой до 3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тревожные ввод/вывод 1/1, Audio ввод/вывод 1/1.  Smart функции - Детекция движения, вторжение в зону, обнаружение вмешательства, аудио детекция, вторжение в область , детекция человека.  IP67; IK10;-40°C до +60°C; 12V, PoE (IEEE802.3 af), Потребляемая мощность: макс. 9,5 Вт</t>
  </si>
  <si>
    <t>IPC3235SB-ADZK-I0</t>
  </si>
  <si>
    <t>IPC3235SB-ADZK-I0-RU</t>
  </si>
  <si>
    <t>IPC3634SR3-ADPZ-F</t>
  </si>
  <si>
    <t>IPC3634SR3-ADPZ-F-RU</t>
  </si>
  <si>
    <t>Видеокамера IP Купольная 4 Мп с ИК подсветкой до 30 м., Моторизированный объектив 2.8-12мм, 1/3" CMOS, угол обзора 98.26°~ 31.35°, ICR, 4MP (2592*1520), Max 30fps; 4MP (2560*1440), Max 30fps; 3MP (2304*1296), Max 30fps;1080P(1920*1080),Max30fps, тройной видеопоток, Ultra 265/H.264/MJPEG, WDR 120dB, 0.003Lux (F1.6, AGC ON) минимальная освещенность, cлот micro SD (128Gb), Audio - встроенный микрофон.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8,16 Вт</t>
  </si>
  <si>
    <t>IPC3634SB-ADZK-I0</t>
  </si>
  <si>
    <t>IPC3634SS-ADZK</t>
  </si>
  <si>
    <t>IPC3634SS-ADZK-RU</t>
  </si>
  <si>
    <r>
      <t xml:space="preserve">Видеокамера IP Купольная антивандальная </t>
    </r>
    <r>
      <rPr>
        <b/>
        <sz val="11"/>
        <rFont val="Calibri"/>
        <family val="2"/>
      </rPr>
      <t>4 Мп</t>
    </r>
    <r>
      <rPr>
        <sz val="11"/>
        <rFont val="Calibri"/>
        <family val="2"/>
      </rPr>
      <t xml:space="preserve"> с ИК подсветкой до </t>
    </r>
    <r>
      <rPr>
        <b/>
        <sz val="11"/>
        <color rgb="FFFF0000"/>
        <rFont val="Calibri"/>
        <family val="2"/>
      </rPr>
      <t>40 м</t>
    </r>
    <r>
      <rPr>
        <sz val="11"/>
        <rFont val="Calibri"/>
        <family val="2"/>
      </rPr>
      <t xml:space="preserve">., моторизированный объектив </t>
    </r>
    <r>
      <rPr>
        <b/>
        <sz val="11"/>
        <color rgb="FFFF0000"/>
        <rFont val="Calibri"/>
        <family val="2"/>
      </rPr>
      <t>2.7-13.5мм</t>
    </r>
    <r>
      <rPr>
        <sz val="11"/>
        <rFont val="Calibri"/>
        <family val="2"/>
      </rPr>
      <t xml:space="preserve">, 1/3" CMOS, угол обзора </t>
    </r>
    <r>
      <rPr>
        <b/>
        <sz val="11"/>
        <color rgb="FFFF0000"/>
        <rFont val="Calibri"/>
        <family val="2"/>
      </rPr>
      <t>100.1° ~ 28.6°</t>
    </r>
    <r>
      <rPr>
        <sz val="11"/>
        <rFont val="Calibri"/>
        <family val="2"/>
      </rPr>
      <t>, ICR, 2688*1520: 30fps; 2560*1440: 30fps, ROI, тройной видеопоток, Ultra265, H.265, H.264, MJPEG, WDR 120dB, LightHunter: 0.002 Lux (F1.35, AGC ON) минимальная освещенность, cлот micro SD (256Gb), Встроенный микрофон.  До 8 OSDs, Smart функции - Вторжение в зону, пересечение линий, аудио детекция, расфокусировка, смена сцены.  IP67&amp;IK10; -40°C до +60°C; 12V, PoE (IEEE802.3 af), Вес: 0.69кг. Потребляемая мощность: макс. 7 Вт</t>
    </r>
  </si>
  <si>
    <t>IPC3635SR3-ADPZ-F</t>
  </si>
  <si>
    <t>IPC3635SR3-ADPZ-F-RU</t>
  </si>
  <si>
    <t>Видеокамера IP Купольная 5 Мп с ИК подсветкой до 30 м., Моторизированный объектив 2.8-12мм, 1/2.7" CMOS, угол обзора 96.23°~ 31.69°, ICR, 5MP (2592*1944), Max 20fps; 4MP (2560*1440), Max 30fps; 3MP (2304*1296), Max 30fps; 1080P (1920*1080), Max 30fps, тройной видеопоток, Ultra 265/H.264/MJPEG, WDR 120dB, 0.003Lux (F1.6, AGC ON) минимальная освещенность, cлот micro SD (128Gb), Audio - встроенный микрофон. Smart функции - Детекция движения, вторжение в зону, обнаружение вмешательства, аудио детекция, вторжение в область , детекция человека.  IP67; -40°C до +60°C; 12V, PoE (IEEE802.3 af), Потребляемая мощность: макс. 9,5 Вт</t>
  </si>
  <si>
    <t>Замена: IPC3634SB-ADZK-I0</t>
  </si>
  <si>
    <t>IPC3635SB-ADZK-I0 </t>
  </si>
  <si>
    <t>IPC3635SB-ADZK-I0</t>
  </si>
  <si>
    <t>IPC3635SB-ADZK-I0-RU</t>
  </si>
  <si>
    <t>IPC3232ER3-DUVZ-C</t>
  </si>
  <si>
    <t>IPC3232ER3-DUVZ-C-RU</t>
  </si>
  <si>
    <t>Видеокамера IP Купольная антивандальная Starview 2 Мп с ИК подсветкой до 3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8,7 Вт</t>
  </si>
  <si>
    <t>IPC3235ER3-DUVZ</t>
  </si>
  <si>
    <t>IPC3235ER3-DUVZ-RU</t>
  </si>
  <si>
    <t>Видеокамера IP Купольная антивандальная Starview 5 Мп с ИК подсветкой до 30 м., моторизированный объектив 2.7-13.5мм, 1/2.7" CMOS, угол обзора 93.38° ~28.56°, ICR, 2592x1944:20fps / 1920x1080:25fps, Ultra 265/H.264/MJPEG, WDR 120dB, Starlight: 0.002Lux (F1.2, AGC ON) минимальная освещенность, cлот micro SD (256Gb),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8,7 Вт</t>
  </si>
  <si>
    <t>IPC3632ER3-DUPZ-C</t>
  </si>
  <si>
    <t>IPC3632ER3-DUPZ-C-RU</t>
  </si>
  <si>
    <t>Видеокамера IP Купольная Starview 2 Мп с ИК подсветкой до 30 м., моторизированный объектив 2.7-13.5мм, 1/2.8" CMOS, угол обзора 121.36° ~33.51, ICR, 1920x1080:25fps, тройной видеопоток, Ultra 265/H.264/MJPEG, WDR 120dB, Super Starlight: 0.0005 Lux минимальная освещенность, cлот micro SD (256Gb), встроенный микрофон.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8,2 Вт</t>
  </si>
  <si>
    <t>IPC3635ER3-DUPZ</t>
  </si>
  <si>
    <t>IPC3635ER3-DUPZ-RU</t>
  </si>
  <si>
    <t>Видеокамера IP Купольная Starview 5 Мп с ИК подсветкой до 30 м., моторизированный объектив 2.7-13.5мм, 1/2.7" CMOS, угол обзора 93.38° ~28.56°, ICR, 2592x1944:20fps / 1920x1080:25fps, Ultra 265/H.264/MJPEG, WDR 120dB, Starlight: 0.002Lux (F1.2, AGC ON) минимальная освещенность, cлот micro SD (256Gb),  встроенный микрофон.  Smart функции - Вторжение в зону, пересечение линий, аудио детекция, детекция лиц, расфокусировка, смена сцены, подсчет посетителей. IP67; -40°C до +60°C; 12V, PoE (IEEE802.3 af), Потребляемая мощность: макс. 8,2 Вт</t>
  </si>
  <si>
    <t>IPC3232ER-VS-C</t>
  </si>
  <si>
    <t>IPC3232ER-VS-C-RU</t>
  </si>
  <si>
    <t>Видеокамера IP Купольная антивандальная 2 Мп с ИК подсветкой до 30 м., вариофокальный объектив 2.8-12мм, 1/2,8" CMOS, угол обзора 94° ~ 28°, ICR, 1920x1080:25fps, тройной видеопоток, Ultra 265/H.264/MJPEG, WDR 120dB, 0.001 Lux минимальная освещенность, cлот micro SD (256Gb).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7,2 Вт</t>
  </si>
  <si>
    <t>IPC3232ER3-DVZ28-C</t>
  </si>
  <si>
    <t>IPC3232ER3-DVZ28-C-RU</t>
  </si>
  <si>
    <t>Видеокамера IP Купольная антивандальная 2 Мп с ИК подсветкой до 30 м., Моторизированный объектив 2.8-12мм, 1/2,8" CMOS, угол обзора 94° ~ 28°, ICR, 1920x1080:25fps, тройной видеопоток, Ultra 265/H.264/MJPEG, WDR 120dB, 0.001 Lux минимальная освещенность, cлот micro SD (256Gb).  Smart функции - Вторжение в зону, пересечение линий, детекция лиц, расфокусировка, смена сцены, подсчет посетителей.  IP67/IK10; -40°C до +60°C; 12V, PoE (IEEE802.3 af), Потребляемая мощность: макс. 7,2 Вт</t>
  </si>
  <si>
    <t>IPC3234SR-DV</t>
  </si>
  <si>
    <t>IPC3234SR-DV-RU</t>
  </si>
  <si>
    <r>
      <t>Видеокамера IP Купольная антивандальная 4 Мп с ИК подсветкой до 30 м., вариофокальный объектив 2.8-12мм, 1/3" CMOS, угол обзора 91°~27°, ICR, 2592×1520:20fps / 1920x1080:25fps, тройной видеопоток, Ultra 265/H.264/MJPEG,</t>
    </r>
    <r>
      <rPr>
        <b/>
        <sz val="11"/>
        <rFont val="Calibri"/>
        <family val="2"/>
      </rPr>
      <t xml:space="preserve"> WDR 120dB, 0.005Lux </t>
    </r>
    <r>
      <rPr>
        <sz val="11"/>
        <rFont val="Calibri"/>
        <family val="2"/>
      </rPr>
      <t>(F1.4, AGC ON) минимальная освещенность, cлот micro SD (256Gb), 1 BNC,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7,2 Вт</t>
    </r>
  </si>
  <si>
    <t>IPC3234SR3-DVZ28</t>
  </si>
  <si>
    <t>IPC3234SR3-DVZ28-RU</t>
  </si>
  <si>
    <r>
      <t xml:space="preserve">Видеокамера IP Купольная антивандальная 4 Мп с ИК подсветкой до 30 м., Моторизированный объектив 2.8-12мм, 1/3" CMOS, угол обзора 91°~27°, ICR, 2592×1520:20fps / 1920x1080:25fps, тройной видеопоток, Ultra 265/H.264/MJPEG, </t>
    </r>
    <r>
      <rPr>
        <b/>
        <sz val="11"/>
        <rFont val="Calibri"/>
        <family val="2"/>
      </rPr>
      <t>WDR 120dB, 0.005Lux</t>
    </r>
    <r>
      <rPr>
        <sz val="11"/>
        <rFont val="Calibri"/>
        <family val="2"/>
      </rPr>
      <t xml:space="preserve"> (F1.4, AGC ON) минимальная освещенность, cлот micro SD (256Gb), 1 BNC,  тревожные ввод/вывод 1/1, Audio ввод/вывод 1/1.  Smart функции - Вторжение в зону, пересечение линий, аудио детекция, детекция лиц, расфокусировка, смена сцены, подсчет посетителей.  IP67/IK10; -40°C до +60°C; 12V, PoE (IEEE802.3 af), Потребляемая мощность: макс. 7,2 Вт</t>
    </r>
  </si>
  <si>
    <t>IPC3632ER3-DPZ28-C</t>
  </si>
  <si>
    <t>IPC3632ER3-DPZ28-C-RU</t>
  </si>
  <si>
    <r>
      <t xml:space="preserve">Видеокамера IP Купольная </t>
    </r>
    <r>
      <rPr>
        <b/>
        <sz val="11"/>
        <rFont val="Calibri"/>
        <family val="2"/>
      </rPr>
      <t>2 Мп</t>
    </r>
    <r>
      <rPr>
        <sz val="11"/>
        <rFont val="Calibri"/>
        <family val="2"/>
      </rPr>
      <t xml:space="preserve"> с ИК подстветкой до 30 м. Моторизированный объектив 2,7-12 мм, 1/2,8" CMOS,  угол обзора 94° ~ 28°  , Ultra 265/H.265/H.264/MJPEG, 1920×1080: 30к/с, тройной видеопоток, WDR 120dB, 0.001 Lux минимальная освещенность, cлот micro SD (256Gb), встроенный микрофон, антибликовое стекло с улучшенной пропускной способностью для ИК спектра, ИК-фильтр с автоматическим переключением (ICR), Вторжение, пересечение линии, Распознавание лиц, Подсчет людей, Обнаружение движения, Дефокусировка, Сцена, механический ИК фильтр; рабочая температура  -45°C до +60°C; влажность ≤ 95%, 12 В постоянного тока или PoE (IEEE802.3 af); Потребляемая мощность: макс. 8,16 Вт макс. кронштейн в комплекте.</t>
    </r>
  </si>
  <si>
    <t>IPC3634ER3-DPZ28</t>
  </si>
  <si>
    <t>IPC3634ER3-DPZ28-RU</t>
  </si>
  <si>
    <r>
      <t xml:space="preserve">Видеокамера IP Купольная </t>
    </r>
    <r>
      <rPr>
        <b/>
        <sz val="11"/>
        <rFont val="Calibri"/>
        <family val="2"/>
      </rPr>
      <t>4 Мп</t>
    </r>
    <r>
      <rPr>
        <sz val="11"/>
        <rFont val="Calibri"/>
        <family val="2"/>
      </rPr>
      <t xml:space="preserve"> с ИК подсветкой до 30 м. Моторизированный объектив 2.8-12мм, 1/3" CMOS, угол обзора 91°~27°, ICR, 2592×1520:20fps / 1920x1080:25fps, тройной видеопоток, Ultra 265/H.264/MJPEG, </t>
    </r>
    <r>
      <rPr>
        <b/>
        <sz val="11"/>
        <color rgb="FFFF0000"/>
        <rFont val="Calibri"/>
        <family val="2"/>
      </rPr>
      <t>WDR 120dB, 0.005Lux</t>
    </r>
    <r>
      <rPr>
        <sz val="11"/>
        <rFont val="Calibri"/>
        <family val="2"/>
      </rPr>
      <t xml:space="preserve"> (F1.4, AGC ON) минимальная освещенность, cлот micro SD (256Gb), встроенный микрофон.  Smart функции - Вторжение в зону, пересечение линий, детекция лиц, расфокусировка, смена сцены, подсчет посетителей.  IP67; -40°C до +60°C; 12V, PoE (IEEE802.3 af), Потребляемая мощность: макс. 8,2 Вт</t>
    </r>
  </si>
  <si>
    <t>Замена: IPC3232SB-ADZK-I0</t>
  </si>
  <si>
    <t>Замена: IPC3235SB-ADZK-I0</t>
  </si>
  <si>
    <t>Замена: IPC3632SB-ADZK-I0</t>
  </si>
  <si>
    <t>Замена: IPC3635SB-ADZK-I0</t>
  </si>
  <si>
    <t>Замена: IPC3632SB-ADZK-I0 </t>
  </si>
  <si>
    <t>IPC542E-DLC-C</t>
  </si>
  <si>
    <t>IPC542E-DLC-C-RU</t>
  </si>
  <si>
    <t>IPC815SB-ADF14K-I0-RU</t>
  </si>
  <si>
    <t>Fisheye IP видеокамера 5 Мп с ИК подсветкой до 10 м., фикс.объектив 1.4мм, 1/2.8" CMOS, угол обзора  180°, ICR, 2560×1440:25fps / 1920x1080:25fps, Ultra 265/H.264/MJPEG, WDR 120dB, 0.02 Lux минимальная освещенность, Тип раскладки изображения - Fisheye+4PTZ, Panoramic, 360°Panoramic+1PTZ, 180°Panoramic, Fisheye+3PTZ, Fisheye+4PTZ, 360°Panoramic+6PTZ, Fisheye+8PTZ, cлот micro SD (256Gb), BNC 1, тревожные ввод/вывод 1/1, встроенный микрофон и динамик.  IP66/IK10; -40°C до +60°C; 12V, PoE (IEEE802.3 af), Потребляемая мощность: макс. 11 Вт</t>
  </si>
  <si>
    <t>IPC815SR-DVSPF14</t>
  </si>
  <si>
    <t>IPC815SR-DVSPF14-RU</t>
  </si>
  <si>
    <t>Fisheye IP видеокамера 5 Мп с ИК подсветкой до 10 м., фикс.объектив 1.4мм, 1/2.8" CMOS, угол обзора  180°, ICR, 2560×1440:25fps / 1920x1080:25fps, Ultra 265/H.264/MJPEG, WDR 120dB, 0.02 Lux минимальная освещенность, Тип раскладки изображения - Fisheye+4PTZ, Panoramic, 360°Panoramic+1PTZ, 180°Panoramic, Fisheye+3PTZ, Fisheye+4PTZ, 360°Panoramic+6PTZ, Fisheye+8PTZ, cлот micro SD (256Gb).  IP66/IK10; -40°C до +60°C; 12V, PoE (IEEE802.3 af), Потребляемая мощность: макс. 11 Вт</t>
  </si>
  <si>
    <t>IPC815SR-DVPF14</t>
  </si>
  <si>
    <t>IPC815SR-DVPF14-RU</t>
  </si>
  <si>
    <t>IPC6412LR-X5P</t>
  </si>
  <si>
    <t>IPC6412LR-X5P-RU</t>
  </si>
  <si>
    <t xml:space="preserve">Видеокамера IP Скоростная поворотная уличная 2Мп с адаптивной ИК-подсветкой до 30м, с моторизованным вариофокальным объективом 2.7~ 13.5мм, 5Х optical zoom, CMOS 1/2.9", угол обзора 129.1°~104.3°, ICR, 1920x1080:30fps, тройной видеопоток, Ultra 265/H.264/MJPEG, DWDR, 0.03 Lux минимальная освещенность, cлот micro SD (256Gb), встроенный микрофон.  Диапазон панорамирования 0° ~ 350°; Скорость панорамирования  0.1°/s ~ 60°/s, Предустановленная скорость: 60°/s, Диапазон наклона  0° ~ 90°, Скорость наклона  0.1° ~ 50°/s, Предустановленная скорость: 50°/s, IP66, -10°C до +50°C; 12V DC. Потребляемая мощность: макс. 12 Вт, Φ129мм×143мм, 0,75 кг. </t>
  </si>
  <si>
    <t>IPC6412LR-X5UPW-VG</t>
  </si>
  <si>
    <t>IPC6415SR-X5UPW</t>
  </si>
  <si>
    <t>IPC6415SR-X5UPW-RU</t>
  </si>
  <si>
    <r>
      <rPr>
        <b/>
        <sz val="11"/>
        <rFont val="Calibri"/>
        <family val="2"/>
      </rPr>
      <t xml:space="preserve">Wi-Fi </t>
    </r>
    <r>
      <rPr>
        <sz val="11"/>
        <rFont val="Calibri"/>
        <family val="2"/>
      </rPr>
      <t xml:space="preserve">Видеокамера IP Скоростная поворотная уличная </t>
    </r>
    <r>
      <rPr>
        <b/>
        <sz val="11"/>
        <rFont val="Calibri"/>
        <family val="2"/>
      </rPr>
      <t>5Мп</t>
    </r>
    <r>
      <rPr>
        <sz val="11"/>
        <rFont val="Calibri"/>
        <family val="2"/>
      </rPr>
      <t xml:space="preserve"> с адаптивной ИК-подсветкой до 30м, с моторизованным вариофокальным объективом 2.7~ 13.5мм, 5Х optical zoom, CMOS 1/2.8", угол обзора 54.40° ~ 3.44°, ICR, 2592 × 1944 30fps , тройной видеопоток, Ultra 265/H.264/MJPEG, 120dB WDR, 0.01 Lux минимальная освещенность, cлот micro SD (256Gb).   Встроенный Mic и динамик. Smart функции - автоматическое отслеживание объекта,  вторжение в зону, пересечение линий, детекция лиц, расфокусировка, смена сцены, подсчет посетителей, горячая карта. Диапазон поворота 0° ~ 350°; Диапазон наклона  0 ° ~ 90 ° , IP66, -10°C до +50°C; 12V DC. Потребляемая мощность: макс. 12 Вт,  Φ129мм×143мм, 3кг. </t>
    </r>
  </si>
  <si>
    <t>IPC6415SR-X5UPW-VG</t>
  </si>
  <si>
    <t>IPC6415SR-X5UPW-VG-RU</t>
  </si>
  <si>
    <t>Мини PTZ видеокамеры</t>
  </si>
  <si>
    <t>IPC6322SR-X22P-C</t>
  </si>
  <si>
    <t>IPC6322SR-X22P-C-RU</t>
  </si>
  <si>
    <t xml:space="preserve">Видеокамера IP Скоростная поворотная уличная 2Мп с адаптивной ИК-подсветкой до 150м, с моторизованным вариофокальным объективом 5.2~ 114.4мм, 22Х optical zoom, CMOS 1/2.9", угол обзора 54.40° ~ 3.44°, ICR, 1920x1080:25fps, тройной видеопоток, Ultra 265/H.264/MJPEG, DWDR, 0.01 Lux минимальная освещенность, cлот micro SD (256Gb), тревожные ввод/вывод 1/1, Audio ввод/вывод 1/1.   Smart функции - детекция движения, вторжение в зону, пересечение линий, детекция лиц, подсчет посетителей и др.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80°/s, Предустановленная скорость: 80 ° / с, IP66, -40°C до +65°C; 12V DC, PoE (требуется PSE-отдельный PoE-инжектор). Потребляемая мощность: макс. 16~ 30 Вт,  Ø215мм×344мм, 3кг. </t>
  </si>
  <si>
    <t>IPC6322SR-X22P-D</t>
  </si>
  <si>
    <t>IPC6322SR-X22P-D-RU</t>
  </si>
  <si>
    <r>
      <t xml:space="preserve">Видеокамера IP Скоростная поворотная уличная </t>
    </r>
    <r>
      <rPr>
        <b/>
        <sz val="11"/>
        <color rgb="FFFF0000"/>
        <rFont val="Calibri"/>
        <family val="2"/>
      </rPr>
      <t>Lighthunter 2Мп</t>
    </r>
    <r>
      <rPr>
        <sz val="11"/>
        <rFont val="Calibri"/>
        <family val="2"/>
      </rPr>
      <t xml:space="preserve"> с адаптивной ИК-подсветкой до 150м, с моторизованным вариофокальным объективом 5.2~ 114.4мм, 22Х optical zoom, CMOS 1/2.8", угол обзора 53.4° ~ 2.7°, ICR, 1920*1080</t>
    </r>
    <r>
      <rPr>
        <b/>
        <sz val="11"/>
        <color rgb="FFFF0000"/>
        <rFont val="Calibri"/>
        <family val="2"/>
      </rPr>
      <t>@60fps</t>
    </r>
    <r>
      <rPr>
        <sz val="11"/>
        <rFont val="Calibri"/>
        <family val="2"/>
      </rPr>
      <t xml:space="preserve">, тройной видеопоток, Ultra 265/H.264/MJPEG, </t>
    </r>
    <r>
      <rPr>
        <b/>
        <sz val="11"/>
        <color rgb="FFFF0000"/>
        <rFont val="Calibri"/>
        <family val="2"/>
      </rPr>
      <t>120dB WDR</t>
    </r>
    <r>
      <rPr>
        <sz val="11"/>
        <color rgb="FFFF0000"/>
        <rFont val="Calibri"/>
        <family val="2"/>
      </rPr>
      <t>,</t>
    </r>
    <r>
      <rPr>
        <sz val="11"/>
        <rFont val="Calibri"/>
        <family val="2"/>
      </rPr>
      <t xml:space="preserve"> 0.003 Lux минимальная освещенность вкл. F1.5, cлот micro SD (256Gb), HLC, BLC, DIS, OSD -8, Privacy Mask до 24, ROI  до8, детекция движения до 4, тревожные ввод/вывод 1/1, Audio ввод/вывод 1/1.   Smart функции - </t>
    </r>
    <r>
      <rPr>
        <sz val="11"/>
        <rFont val="Calibri"/>
        <family val="2"/>
      </rPr>
      <t xml:space="preserve"> детекция движения, аудио детекция, вторжение в зону, пересечение линий и др.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80°/s, Предустановленная скорость: 80 ° / с, IP66, -40°C до +65°C; 12V±10% DC. PoE (требуется PSE-отдельный PoE-инжектор).Потребляемая мощность: макс. 4~27.6 Вт,  Ø220 x 369мм, 3,4кг. Кнопка сброса.</t>
    </r>
  </si>
  <si>
    <t>IPC6612SR-X25-VG-RU</t>
  </si>
  <si>
    <t>IPC6322SR-X33UP-D</t>
  </si>
  <si>
    <t>IPC6322SR-X33UP-D-RU</t>
  </si>
  <si>
    <r>
      <t xml:space="preserve">Видеокамера IP Скоростная поворотная уличная </t>
    </r>
    <r>
      <rPr>
        <b/>
        <sz val="11"/>
        <color rgb="FFFF0000"/>
        <rFont val="Calibri"/>
        <family val="2"/>
      </rPr>
      <t>LightHunter</t>
    </r>
    <r>
      <rPr>
        <sz val="11"/>
        <rFont val="Calibri"/>
        <family val="2"/>
      </rPr>
      <t xml:space="preserve"> </t>
    </r>
    <r>
      <rPr>
        <b/>
        <sz val="11"/>
        <rFont val="Calibri"/>
        <family val="2"/>
      </rPr>
      <t>2Мп</t>
    </r>
    <r>
      <rPr>
        <sz val="11"/>
        <rFont val="Calibri"/>
        <family val="2"/>
      </rPr>
      <t xml:space="preserve"> с адаптивной</t>
    </r>
    <r>
      <rPr>
        <b/>
        <sz val="11"/>
        <rFont val="Calibri"/>
        <family val="2"/>
      </rPr>
      <t xml:space="preserve"> ИК-подсветкой до 150м пятого поколения</t>
    </r>
    <r>
      <rPr>
        <sz val="11"/>
        <rFont val="Calibri"/>
        <family val="2"/>
      </rPr>
      <t xml:space="preserve"> с моторизованным вариофокальным объективом 4.5-148,5мм, </t>
    </r>
    <r>
      <rPr>
        <b/>
        <sz val="11"/>
        <color rgb="FFFF0000"/>
        <rFont val="Calibri"/>
        <family val="2"/>
      </rPr>
      <t>33Х</t>
    </r>
    <r>
      <rPr>
        <sz val="11"/>
        <rFont val="Calibri"/>
        <family val="2"/>
      </rPr>
      <t xml:space="preserve"> optical zoom, CMOS 1/2.8", угол обзора 76,8°~ 2.1°, ICR, 1920x1080:25fps, тройной видеопоток, Ultra 265/H.264/MJPEG, 120dB WDR, </t>
    </r>
    <r>
      <rPr>
        <b/>
        <sz val="11"/>
        <color rgb="FFFF0000"/>
        <rFont val="Calibri"/>
        <family val="2"/>
      </rPr>
      <t>0.001 Lux</t>
    </r>
    <r>
      <rPr>
        <sz val="11"/>
        <rFont val="Calibri"/>
        <family val="2"/>
      </rPr>
      <t xml:space="preserve"> минимальная освещенность, cлот micro SD (</t>
    </r>
    <r>
      <rPr>
        <b/>
        <sz val="11"/>
        <color rgb="FFFF0000"/>
        <rFont val="Calibri"/>
        <family val="2"/>
      </rPr>
      <t>256Gb</t>
    </r>
    <r>
      <rPr>
        <sz val="11"/>
        <rFont val="Calibri"/>
        <family val="2"/>
      </rPr>
      <t>), тревожные ввод/вывод 2/1, Audio ввод/вывод 1/1.  Smart функции - автотрекинг, детекция движения, вторжение в зону, пересечение линий, детекция лиц, подсчет посетителей и др. Диапазон панорамирования 360°; Скорость панорамирования  0,1 ° / с ~ 240 ° / с, Предустановленная скорость: 200 ° / с, Диапазон наклона  -15 ° ~ + 90 ° (автоматический реверс), Скорость наклона  0.1° ~ 80°/s, Предустановленная скорость: 80 ° / с, IP66, -40°C до +65°C; 12V±10% DC, PoE (требуется PSE-отдельный PoE-инжектор). Потребляемая мощность: макс. 22 Вт,  Φ220×369mm, 3,4 кг. Кнопка сброса.</t>
    </r>
  </si>
  <si>
    <t>IPC6612SR-X33-VG</t>
  </si>
  <si>
    <t>PTZ  видеокамеры</t>
  </si>
  <si>
    <t>IPC6222ER-X20P-B</t>
  </si>
  <si>
    <t>IPC6222ER-X20P-B-RU</t>
  </si>
  <si>
    <t xml:space="preserve">Видеокамера IP Скоростная поворотная уличная 2Мп с адаптивной ИК-подсветкой до 150м, с моторизованным вариофокальным объективом 5.2-104мм, 20Х optical zoom, CMOS 1/2.8", угол обзора 60.2°~ 3.0°, ICR, 1920x1080:30fps, тройной видеопоток, Ultra 265/H.264/MJPEG, WDR 120, 0.001 Lux минимальная освещенность, cлот micro SD (256Gb), тревожные ввод/вывод 1/1, Audio ввод/вывод 1/1.   Smart функции - автоматическое отслеживание объекта,  вторжение в зону, пересечение линий, аудио детекция, детекция лиц, подсчет посетителей.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160°/s, Предустановленная скорость: 240 ° / с, IP66, -40°C до +65°C; 24V AC/ DC, PoE (требуется PSE-отдельный PoE-инжектор). Потребляемая мощность: макс. 9 ~ 42 Вт,  Ø227 x 359.4мм, 5,280 кг. </t>
  </si>
  <si>
    <t>IPC6622SR-X25-VF</t>
  </si>
  <si>
    <t>IPC6622SR-X25-VF-RU</t>
  </si>
  <si>
    <t>IPC6622SR-X33-VF</t>
  </si>
  <si>
    <t>IPC6622SR-X33-VF-RU</t>
  </si>
  <si>
    <t>IPC6624SR-X25-VF</t>
  </si>
  <si>
    <t>IPC6624SR-X25-VF-RU</t>
  </si>
  <si>
    <t>IPC6624SR-X33-VF</t>
  </si>
  <si>
    <t>IPC6624SR-X33-VF-RU</t>
  </si>
  <si>
    <t>Resolution</t>
  </si>
  <si>
    <t>Compression</t>
  </si>
  <si>
    <t>LENS</t>
  </si>
  <si>
    <t>PoE</t>
  </si>
  <si>
    <t>(Micro)SD 
Slot</t>
  </si>
  <si>
    <t>Corridor 
Mode</t>
  </si>
  <si>
    <t>Audio
 I/0</t>
  </si>
  <si>
    <t>Alarm
 I/0</t>
  </si>
  <si>
    <t>Reset 
Button</t>
  </si>
  <si>
    <t>UNV BOM</t>
  </si>
  <si>
    <t>No Brand BOM</t>
  </si>
  <si>
    <t>Platform</t>
  </si>
  <si>
    <t>IPC354SB-ADNF28K-I0-RU</t>
  </si>
  <si>
    <t>IPC2125SB-ADF28KMC-I0</t>
  </si>
  <si>
    <t>IPC2125SB-ADF40KMC-I0</t>
  </si>
  <si>
    <t>IPC2125SB-ADF28KMC-I0-RU</t>
  </si>
  <si>
    <t>IPC2125SB-ADF40KMC-I0-RU</t>
  </si>
  <si>
    <t>IPC3615SB-ADF28KMC-I0</t>
  </si>
  <si>
    <t>IPC3615SB-ADF40KMC-I0</t>
  </si>
  <si>
    <t>IPC3615SB-ADF28KMC-I0-RU</t>
  </si>
  <si>
    <t>IPC3615SB-ADF40KMC-I0-RU</t>
  </si>
  <si>
    <t>IPC3618SB-ADF28KMC-I0</t>
  </si>
  <si>
    <t>IPC3618SB-ADF40KMC-I0</t>
  </si>
  <si>
    <t>IPC3618SB-ADF28KMC-I0-RU</t>
  </si>
  <si>
    <t>IPC3618SB-ADF40KMC-I0-RU</t>
  </si>
  <si>
    <t>IPC3634SE-ADF28K-WL-I0</t>
  </si>
  <si>
    <t>IPC3634SE-ADF40K-WL-I0</t>
  </si>
  <si>
    <t>IPC3634SE-ADF28K-WL-I0-RU</t>
  </si>
  <si>
    <t>IPC3634SE-ADF40K-WL-I0-RU</t>
  </si>
  <si>
    <t>IPC568EB-DGK-I0</t>
  </si>
  <si>
    <t>IPC568EB-DGK-I0-RU</t>
  </si>
  <si>
    <t>IPC7622ER-X44-VF</t>
  </si>
  <si>
    <t>IPC7622ER-X44-VF-RU</t>
  </si>
  <si>
    <t>IPC6424SR-X25-VF</t>
  </si>
  <si>
    <t>IPC6424SR-X25-VF-RU</t>
  </si>
  <si>
    <t>IPC6634S-X33-VF</t>
  </si>
  <si>
    <t>IPC6634S-X33-VF-RU</t>
  </si>
  <si>
    <t>IPC6652EL-X33-VF</t>
  </si>
  <si>
    <t>IPC6652EL-X33-VF-RU</t>
  </si>
  <si>
    <t>IPC6854ER-X40-VF</t>
  </si>
  <si>
    <t>IPC6854ER-X40-VF-RU</t>
  </si>
  <si>
    <t>IPC6858ER-X40-VF</t>
  </si>
  <si>
    <t>IPC6858ER-X40-VF-RU</t>
  </si>
  <si>
    <t>NVR301-04LX-P4</t>
  </si>
  <si>
    <t>NVR301-04LX-P4-RU</t>
  </si>
  <si>
    <t>NVR301-04X-P4</t>
  </si>
  <si>
    <t>NVR301-04X-P4-RU</t>
  </si>
  <si>
    <t>NVR301-04X</t>
  </si>
  <si>
    <t>NVR301-04X-RU</t>
  </si>
  <si>
    <t>NVR308-16X</t>
  </si>
  <si>
    <t>NVR308-32X</t>
  </si>
  <si>
    <t>NVR308-16X-RU</t>
  </si>
  <si>
    <t>NVR308-32X-RU</t>
  </si>
  <si>
    <t>PWR-DC12-550A-IN</t>
  </si>
  <si>
    <t>PWR-DC12-550A-IN-RU</t>
  </si>
  <si>
    <t>Redundant Power Supply / UNV 300W AC Power Module</t>
  </si>
  <si>
    <t>3U 16 HDDs Mini SAS Disk Enclosure / UNV DEU1016 16 Hard Disks Enclosure Unit</t>
  </si>
  <si>
    <t>2U 8 HDDs Mini SAS Disk Enclosure / UNV DEU1008-IN 8 Hard Disks Network Storage Disk Enclosure Unit</t>
  </si>
  <si>
    <t xml:space="preserve">Redundant Power Supply / AC-300W  </t>
  </si>
  <si>
    <t>1/1.7" CMOS, ICR, 12MP (4000x3000): 15fps; 9MP (3000 x 3000): 15fps, 6MP (2560x 2560): 25fps, Ultra 265, 8 Streams (1 fisheye view (Triple streams), 1 panaromic view, 4 PTZ View), DC 12V &amp; PoE,  Micro SD card slot, Alarm in/out 2/1, Audio &amp; Mic &amp; Speaker, BNC output, IP66 &amp;IK10, 1.8mm fixed lens, IR range: 10m</t>
  </si>
  <si>
    <t>0235C2ND</t>
  </si>
  <si>
    <t>0235C2NE</t>
  </si>
  <si>
    <t>Hisilicon</t>
  </si>
  <si>
    <t>Prime-I</t>
  </si>
  <si>
    <t>4.0mm, Fixed</t>
  </si>
  <si>
    <t>Mstar</t>
  </si>
  <si>
    <t>6.0mm, Fixed</t>
  </si>
  <si>
    <t>Easy</t>
  </si>
  <si>
    <t>3MP</t>
  </si>
  <si>
    <t>1 / 1</t>
  </si>
  <si>
    <t>DWDR,IP67, HLC</t>
  </si>
  <si>
    <t>1/2.7" CMOS, ICR, 2304 x1296:20fps, Ultra 265/H.264/MJPEG, Two stream,   DC12V &amp; PoE,  Fixed lens (4.0mm,6.0mm), IR range: up to 60m</t>
  </si>
  <si>
    <t>0235C5E5</t>
  </si>
  <si>
    <t>0235C5EA</t>
  </si>
  <si>
    <t>0235C5E4</t>
  </si>
  <si>
    <t>0235C5EB</t>
  </si>
  <si>
    <t>2.8mm, Fixed</t>
  </si>
  <si>
    <t>1/2.7" CMOS, ICR, 2304 x1296:25fps, Ultra 265/H.264/MJPEG, Two stream,   DC12V &amp; PoE,  Fixed lens (2.8mm,4.0mm), IR range: up to 30m</t>
  </si>
  <si>
    <t>0235C4XM</t>
  </si>
  <si>
    <t>0235C4YC</t>
  </si>
  <si>
    <t>0235C4XL</t>
  </si>
  <si>
    <t>0235C4YB</t>
  </si>
  <si>
    <t>MIC&amp;Speaker</t>
  </si>
  <si>
    <t>120dB WDR, IP67, HLC, 3-Axis，ColorHunter，Built in AI algorithm</t>
  </si>
  <si>
    <t>120dB WDR, IP67, HLC, 3-Axis，LightHunter，Built in AI algorithm</t>
  </si>
  <si>
    <t>Prime-IV</t>
  </si>
  <si>
    <t>120dB WDR,  IP67&amp;IK10,3-Axis,Lighthunter, HLC,
50m IR,Built in AI algorithm</t>
  </si>
  <si>
    <t>1/1.8“ CMOS, ICR, 2688*1520 30fps,Ultra 265/H.264/MJPEG, Triple streams,DC12V &amp; PoE, Micro SD card slot, IP67&amp;IK10 ,Alarm in/out 1/1, Audio in/out 1/1, 120dB WDR,  IR range: up to 50m, 3-Axis, Lighthunter: 0.001Lux min. illumination</t>
  </si>
  <si>
    <t>0235C494</t>
  </si>
  <si>
    <t>0235C498</t>
  </si>
  <si>
    <t>0235C493</t>
  </si>
  <si>
    <t>0235C496</t>
  </si>
  <si>
    <t>Prime-III</t>
  </si>
  <si>
    <t>4.0mm, Fixed
F1.0</t>
  </si>
  <si>
    <t>120dB WDR, IP67&amp;IK10,  ColorHunter，Built in AI algorithm</t>
  </si>
  <si>
    <t>1/1.8" CMOS, ICR,, 4MP (2688*1520), Max 30fps; 4MP (2560*1440), Max 30fps; 2MP(1920*1080), Max 30fps; Ultra 265/H.265/H.264/MJPEG, Triple streams ,DC12V &amp; PoE, 120dB WDR, 4mm fixed lens, LED distance: up to TBD, IR anti-reflection window, Micro SD card slot，0.001 Lux min. illumination</t>
  </si>
  <si>
    <t>0235C5K7</t>
  </si>
  <si>
    <t>0235C5KC</t>
  </si>
  <si>
    <t>6.0mm, Fixed
F1.0</t>
  </si>
  <si>
    <t>1/1.8" CMOS, ICR, 4MP (2688*1520), Max 30fps; 4MP (2560*1440), Max 30fps; 2MP(1920*1080), Max 30fps; Ultra 265/H.265/H.264/MJPEG, Triple streams ,DC12V &amp; PoE, 120dB WDR, 4mm fixed lens, LED distance: up to TBD, IR anti-reflection window, Micro SD card slot，0.001 Lux min. illumination</t>
  </si>
  <si>
    <t>0235C5K8</t>
  </si>
  <si>
    <t>0235C5KD</t>
  </si>
  <si>
    <t>5MP</t>
  </si>
  <si>
    <t>120dB WDR, IP67, HLC,EasyStar</t>
  </si>
  <si>
    <t>1/2.7" CMOS, ICR, 2880x1620:25fps, Ultra 265/H.265/H.264/MJPEG, Double stream,   DC12V &amp; PoE,Fixed lens 2.8mm,4mm, IR range: up to 50m. , 3-axis   EasyStar: 0.003 Lux min. illumination</t>
  </si>
  <si>
    <t>0235C5CJ</t>
  </si>
  <si>
    <t>0235C5CM</t>
  </si>
  <si>
    <t>0235C5CK</t>
  </si>
  <si>
    <t>0235C5CL</t>
  </si>
  <si>
    <t>1/2.7" CMOS, ICR, 5MP (2880*1620), Max 30fps; 4MP (2560*1440), Max 30fps; 3MP (2304*1296), Max 30fps; 1080P (1920*1080), Max 30fps; Ultra 265/H.265/H.264/MJPEG, Triple streams ,DC12V &amp; PoE, 120dB WDR, Fixed lens (2.8mm,4mm), IR range: up to 40m, Micro SD card slot，LightHunter: 0.003 Lux min. illumination</t>
  </si>
  <si>
    <t>0235C4LX</t>
  </si>
  <si>
    <t>0235C4LY</t>
  </si>
  <si>
    <t>0235C4LW</t>
  </si>
  <si>
    <t>0235C4M0</t>
  </si>
  <si>
    <t>1/2.7" CMOS, ICR, 5MP (2880*1620)@ 30/25fps; 4MP (2560*1440)@ 30/25fps; 3MP (2304*1296) @30/25fps; 2MP (1920*1080) @30/25fps; Ultra 265/H.265/H.264/MJPEG, Triple streams ,DC12V &amp; PoE, 120dB WDR, (4mm, 6mm)fixed lens, Alarm in/out 1/1,IR range: up to 80m, Micro SD card slot，LightHunter: 0.003 Lux min. illumination</t>
  </si>
  <si>
    <t>0235C5JP</t>
  </si>
  <si>
    <t>0235C5JM</t>
  </si>
  <si>
    <t>0235C5JK</t>
  </si>
  <si>
    <t>0235C5JR</t>
  </si>
  <si>
    <t>1/2.7" CMOS, ICR, 5MP (2880*1620), Max 30fps; 4MP (2560*1440), Max 30fps; 3MP (2304*1296), Max 30fps; 1080P (1920*1080), Max 30fps; Ultra 265/H.265/H.264/MJPEG, Triple streams ,DC12V &amp; PoE, 120dB WDR, Fixed lens (2.8mm,4mm), IR&amp;LED range: up to 30m, Micro SD card slot,  Bulit-in Mic &amp; Speaker，LightHunter: 0.003 Lux min. illumination</t>
  </si>
  <si>
    <t>0235C5J8</t>
  </si>
  <si>
    <t>0235C5J4</t>
  </si>
  <si>
    <t>120dB WDR, IP67, HLC, 3-Axis，Colorhunter,Built in AI algorithm</t>
  </si>
  <si>
    <t>0235C5J7</t>
  </si>
  <si>
    <t>0235C5J2</t>
  </si>
  <si>
    <t>120dB WDR, IP67, ColorHunter，Built in AI algorithm</t>
  </si>
  <si>
    <t>1/2.7" CMOS, ICR, 5MP (2880*1620), Max 30fps; 4MP (2560*1440), Max 25fps; 2MP(1920*1080), Max 30fps; Ultra 265/H.265/H.264/MJPEG, Triple streams ,DC12V &amp; PoE, 120dB WDR, 4mm fixed lens, LED distance: up to 30m, IR anti-reflection window, Micro SD card slot，0.001 Lux min. illumination</t>
  </si>
  <si>
    <t>0235C4NX</t>
  </si>
  <si>
    <t>0235C4PD</t>
  </si>
  <si>
    <t>6mm, Fixed
F1.0</t>
  </si>
  <si>
    <t>1/2.7" CMOS, ICR, 5MP (2880*1620), Max 30fps; 4MP (2560*1440), Max 25fps; 2MP(1920*1080), Max 30fps; Ultra 265/H.265/H.264/MJPEG, Triple streams ,DC12V &amp; PoE, 120dB WDR, 6mm fixed lens, LED distance: up to 30m, IR anti-reflection window, Micro SD card slot，0.001 Lux min. illumination</t>
  </si>
  <si>
    <t>0235C4NY</t>
  </si>
  <si>
    <t>0235C4PC</t>
  </si>
  <si>
    <t>120dB WDR, IP67，HLC, 3-Axis，Built in AI algorithm</t>
  </si>
  <si>
    <t>DWDR,IP67&amp;IK10,HLC</t>
  </si>
  <si>
    <t xml:space="preserve">1/2.7" CMOS, ICR,2304x1296:25fps, Ultra 265/H.264/MJPEG, Two stream,   DC12V &amp; PoE,Fixed lens (2.8mm,4.0mm), IR range: up to 30m, 3-Axis </t>
  </si>
  <si>
    <t>0235C4XJ</t>
  </si>
  <si>
    <t>0235C4Y5</t>
  </si>
  <si>
    <t>0235C4XG</t>
  </si>
  <si>
    <t>0235C4Y6</t>
  </si>
  <si>
    <t>1/2.7" CMOS, ICR,2304x1296:25fps, Ultra 265/H.264/MJPEG, Two streams,   DC12V &amp; PoE,  Fixed lens (2.8mm,4mm), IR range: up to 30m, 3-Axis</t>
  </si>
  <si>
    <t>0235C4XH</t>
  </si>
  <si>
    <t>0235C4Y4</t>
  </si>
  <si>
    <t>0235C4XK</t>
  </si>
  <si>
    <t>0235C4Y3</t>
  </si>
  <si>
    <t>120dB WDR, IP67&amp;IK10, Built-in Mic，LightHunter，Built in AI algorithm</t>
  </si>
  <si>
    <t>1/3" CMOS, ICR, 2688*1520: 30fps; 2560*1440: 30fps, 2304*1296:30fps,1920*1080:30fps Ultra 265/H.265/H.264/MJPEG, Triple streams ,DC12V &amp; PoE, 120dB WDR, IP67, IK10, fixed lens 2.8mm, IR range: up to 30m,  Bulit-in Mic, Micro SD card slot，LightHunter: 0.003 Lux min. illumination</t>
  </si>
  <si>
    <t>0235C50A</t>
  </si>
  <si>
    <t>0235C50D</t>
  </si>
  <si>
    <t>2.8mm, Fixed
F1.0</t>
  </si>
  <si>
    <t>120dB WDR, IP67, Mic，ColorHunter，Built in AI algorithm</t>
  </si>
  <si>
    <t>1/1.8" CMOS, ICR, 4MP (2688*1520), Max 30fps; 2MP(1920*1080), Max 30fps; Ultra 265/H.265/H.264/MJPEG, Triple streams ,DC12V &amp; PoE, 120dB WDR, 2.8mm fixed lens, LED distance:TBD Micro SD card slot，0.001 Lux min. illumination</t>
  </si>
  <si>
    <t>0235C5PM</t>
  </si>
  <si>
    <t>0235C5PW</t>
  </si>
  <si>
    <t>1/1.8" CMOS, ICR, 4MP (2688*1520),, Max 30fps; 2MP(1920*1080), Max 30fps; Ultra 265/H.265/H.264/MJPEG, Triple streams ,DC12V &amp; PoE, 120dB WDR, 4 mm fixed lens, LED distance: TBD , Micro SD card slot，0.001 Lux min. illumination</t>
  </si>
  <si>
    <t>0235C5PN</t>
  </si>
  <si>
    <t>0235C5PV</t>
  </si>
  <si>
    <t>Prime-II</t>
  </si>
  <si>
    <t>120dB WDR, IP67, HLC, LightHunter，30m IR,Built in AI algorithm</t>
  </si>
  <si>
    <t>120dB WDR,  IP67&amp;IK10,3-Axis,Lighthunter, HLC,
40m IR,Built in AI algorithm</t>
  </si>
  <si>
    <t>1/1.8“ CMOS, ICR, 2688*1520 30fps,Ultra 265/H.264/MJPEG, Triple streams,DC12V &amp; PoE, Micro SD card slot, IP67&amp;IK10 ,Alarm in/out 1/1, Audio in/out 1/1, 120dB WDR,  IR range: up to 40m, 3-Axis, Lighthunter: 0.001Lux min. illumination</t>
  </si>
  <si>
    <t>0235C492</t>
  </si>
  <si>
    <t>0235C48Y</t>
  </si>
  <si>
    <t>120dB WDR,  IP67&amp;IK10,3-Axis,Lighthunter, HLC,
40m IR, Built in AI algorithm</t>
  </si>
  <si>
    <t>0235C490</t>
  </si>
  <si>
    <t>0235C491</t>
  </si>
  <si>
    <t>120dB WDR, IP67,IK10, HLC,EasyStar</t>
  </si>
  <si>
    <t>1/2.7" CMOS, ICR, 2880x1620:25fps,Ultra 265/H.265/H.264/MJPEG, Double stream,   DC12V &amp; PoE,Fixed lens 2.8mm,4mm, IR range: up to 30m. , 3-axis   EasyStar: 0.003 Lux min. illumination</t>
  </si>
  <si>
    <t>0235C5CF</t>
  </si>
  <si>
    <t>0235C5CQ</t>
  </si>
  <si>
    <t>0235C5CE</t>
  </si>
  <si>
    <t>0235C5CN</t>
  </si>
  <si>
    <t>120dB WDR, IP67&amp;IK10, HLC, 3-Axis，LightHunter，Built in AI algorithm</t>
  </si>
  <si>
    <t>1/2.7" CMOS, ICR, 5MP (2880*1620), Max 30fps; 4MP (2560*1440), Max 30fps; 3MP (2304*1296), Max 30fps; 1080P (1920*1080), Max 30fps; Ultra 265/H.265/H.264/MJPEG, Triple streams ,DC12V &amp; PoE, 120dB WDR, (2.8mm, 4mm)fixed lens, Alarm in/out 1/1, Audio1/1,IR range: up to 30m, Micro SD card slot，LightHunter: 0.003 Lux min. illumination</t>
  </si>
  <si>
    <t>0235C4LN</t>
  </si>
  <si>
    <t>0235C4LP</t>
  </si>
  <si>
    <t>0235C4LL</t>
  </si>
  <si>
    <t>0235C4LM</t>
  </si>
  <si>
    <t>0235C5CH</t>
  </si>
  <si>
    <t>0235C5CP</t>
  </si>
  <si>
    <t>0235C5CG</t>
  </si>
  <si>
    <t>0235C5CR</t>
  </si>
  <si>
    <t>120dB WDR, IP67，HLC, 3-Axis，LightHunter，Built in AI algorithm</t>
  </si>
  <si>
    <t>1/2.7" CMOS, ICR, 5MP (2880*1620), Max 30fps; 4MP (2560*1440), Max 30fps; 3MP (2304*1296), Max 30fps; 1080P (1920*1080), Max 30fps; Ultra 265/H.265/H.264/MJPEG, Triple streams ,DC12V &amp; PoE, 120dB WDR, (2.8mm,4mm) fixed lens, IR range: up to 30m, Micro SD card slot，LightHunter: 0.003 Lux min. illumination</t>
  </si>
  <si>
    <t>0235C4LQ</t>
  </si>
  <si>
    <t>0235C4LU</t>
  </si>
  <si>
    <t>0235C4LR</t>
  </si>
  <si>
    <t>0235C4LV</t>
  </si>
  <si>
    <t>0235C5MD</t>
  </si>
  <si>
    <t>0235C5MP</t>
  </si>
  <si>
    <t>0235C5ME</t>
  </si>
  <si>
    <t>0235C5MR</t>
  </si>
  <si>
    <t>1/2.7" CMOS, ICR,5MP (2880*1620), Max 30fps; 4MP (2560*1440), Max 25fps; 2MP(1920*1080), Max 30fps; Ultra 265/H.265/H.264/MJPEG, Triple streams ,DC12V &amp; PoE, 120dB WDR, 2.8mm fixed lens, LED distance: up to 30m, Micro SD card slot，0.001 Lux min. illumination</t>
  </si>
  <si>
    <t>0235C4M8</t>
  </si>
  <si>
    <t>0235C4M7</t>
  </si>
  <si>
    <t>1/2.7" CMOS, ICR, 5MP (2880*1620), Max 30fps; 4MP (2560*1440), Max 25fps; 2MP(1920*1080), Max 30fps; Ultra 265/H.265/H.264/MJPEG, Triple streams ,DC12V &amp; PoE, 120dB WDR, 4 mm fixed lens, LED distance: up to 30m, Micro SD card slot，0.001 Lux min. illumination</t>
  </si>
  <si>
    <t>0235C4M6</t>
  </si>
  <si>
    <t>0235C4M9</t>
  </si>
  <si>
    <t>120dB WDR, IP67&amp;IK10,HLC, 3-Axis，Built in AI algorithm</t>
  </si>
  <si>
    <t>1/2.7" CMOS, ICR,8MP (3840*2160)@20fps; 5MP (3072*1728)@30/25fps; 4MP (2560*1440)@30/25fps; 2MP (1920*1080) @30/25fpsUltra 265/H.265/H.264/MJPEG, Triple streams ,DC12V &amp; PoE, 120dB WDR,(2.8mm,4mm)lens,Alarm in/out 1/1, Audio1/1,  IR range: up to 30m, Micro SD card slot，LightHunter: 0.003 Lux min. illumination</t>
  </si>
  <si>
    <t>0235C5DV</t>
  </si>
  <si>
    <t>0235C5DX</t>
  </si>
  <si>
    <t>120dB WDR, IP67&amp;IK10，HLC, 3-Axis，Built in AI algorithm</t>
  </si>
  <si>
    <t>0235C5DW</t>
  </si>
  <si>
    <t>0235C5DY</t>
  </si>
  <si>
    <t>120dB WDR, IP67, Built-in Mic，Built in AI algorithm</t>
  </si>
  <si>
    <t>0235C4RC</t>
  </si>
  <si>
    <t>0235C4RD</t>
  </si>
  <si>
    <t>0235C4RB</t>
  </si>
  <si>
    <t>0235C4RE</t>
  </si>
  <si>
    <t>1/2.7" CMOS, ICR, 8MP (3840*2160), Max 20fps; 4MP (2560*1440), Max 25fps; 1080P (1920*1080), Max 30fps; Ultra 265/H.265/H.264/MJPEG, Triple streams ,DC12V &amp; PoE, 120dB WDR, （2.8mm,4mm） fixed lens,IR&amp;LED range: up to 30m, Micro SD card slot,  Bulit-in Mic &amp; Speaker，LightHunter: 0.003 Lux min. illumination</t>
  </si>
  <si>
    <t>0235C5MN</t>
  </si>
  <si>
    <t>0235C5NA</t>
  </si>
  <si>
    <t>0235C5MM</t>
  </si>
  <si>
    <t>0235C5NB</t>
  </si>
  <si>
    <t>2.7~13.5mm,F1.35 Motorized</t>
  </si>
  <si>
    <t>1/2.8“ CMOS, ICR, 1920*1080 30fps,Ultra 265/H.264/MJPEG, Triple streams,DC12V &amp; PoE, Micro SD card slot, IP67&amp;IK10 ,Alarm in/out 1/1, Audio in/out 1/1, 120dB WDR,  IR range: up to 50m, 3-Axis, Lighthunter: 0.001Lux min. illumination</t>
  </si>
  <si>
    <t>0235C42R</t>
  </si>
  <si>
    <t>0235C42S</t>
  </si>
  <si>
    <t>Basic</t>
  </si>
  <si>
    <t>5-50mm, Motorized</t>
  </si>
  <si>
    <t>120dB WDR,  IP67&amp;IK10,3-Axis,Lighthunter, HLC,
100m IR,Built in AI algorithm</t>
  </si>
  <si>
    <t>1/2.8“ CMOS, ICR, 1920*1080 60fps,Ultra 265/H.264/MJPEG, five streams, AC24V&amp; DC12V &amp; PoE, Micro SD card slot, IP67&amp;IK10,Alarm 2/1, Audio1/1, 120dB WDR, 5-50mm F1.6 Motorized lens, IR range: up to 100m, 3-Axis, Lighthunter: 0.002Lux min. illumination</t>
  </si>
  <si>
    <t>0235C5EM</t>
  </si>
  <si>
    <t>0235C5EQ</t>
  </si>
  <si>
    <t>2.8~12mm,F1.2 Motorized</t>
  </si>
  <si>
    <t>2 / 1</t>
  </si>
  <si>
    <t>1/1.8“ CMOS, ICR, 2688*1520 30fps,Ultra 265/H.264/MJPEG, Triple streams, AC24V&amp; DC12V &amp; PoE, Micro SD card slot, IP67,Alarm in/out 2/1, Audio, 120dB WDR, 2.8-12mm F1.2 Motorized lens, IR range: up to 50m, 3-Axis, Lighthunter: 0.0005Lux min. illumination</t>
  </si>
  <si>
    <t>0235C416</t>
  </si>
  <si>
    <t>0235C419</t>
  </si>
  <si>
    <t>Alphaview</t>
  </si>
  <si>
    <t>2.8-12mm, Motorized</t>
  </si>
  <si>
    <t>1/1.8“ CMOS, ICR, 2688*1520 60fps,Ultra 265/H.264/MJPEG, Triple streams, AC24V&amp; DC12V &amp; PoE, Micro SD card slot, IP67&amp;IK10,Alarm 2/1, Audio1/1, 120dB WDR, 2.8-12mm F1.2 Motorized lens, IR range: up to 100m, 3-Axis, Lighthunter: 0.0005Lux min. illumination</t>
  </si>
  <si>
    <t>0235C43J</t>
  </si>
  <si>
    <t>0235C43M</t>
  </si>
  <si>
    <t>2.8~12mm,F1.2
Motorized</t>
  </si>
  <si>
    <t>120dB WDR, IP67&amp;IK10, Mic，LightHunter，Built in AI algorithm</t>
  </si>
  <si>
    <t>1/1.8" CMOS, ICR, 4MP (2688*1520), Max 30fps; Ultra 265/H.265/H.264/MJPEG, Triple streams ,DC12V &amp; PoE, 120dB WDR, 2.8-12 mm motorized lens, IR range: up to 80m， Micro SD card slot，0.0005 Lux min. illumination</t>
  </si>
  <si>
    <t>0235C5KJ</t>
  </si>
  <si>
    <t>0235C5KK</t>
  </si>
  <si>
    <t>6.5-143mm, Motorized</t>
  </si>
  <si>
    <t>120dB WDR,  IP67,3-Axis,Lighthunter, HLC,
150m IR,Built in AI algorithm</t>
  </si>
  <si>
    <t>0235C5E8</t>
  </si>
  <si>
    <t>0235C5EC</t>
  </si>
  <si>
    <t>120dB WDR, IP67,HLC</t>
  </si>
  <si>
    <t>1/2.7" CMOS, ICR, 2880*1620: 25fps, Ultra 265/H.264/MJPEG, Two streams,   DC12V &amp; PoE, WDR,  IP67, 2.8-12mm,motorized zoom lens ,IR range: up to 50m.  3-Axis</t>
  </si>
  <si>
    <t>0235C5DM</t>
  </si>
  <si>
    <t>0235C5DS</t>
  </si>
  <si>
    <t>2.7 ~ 13.5mm，F1.2 Motorized</t>
  </si>
  <si>
    <t>1/2.7" CMOS, ICR, 5MP (2880*1620), Max 30fps; 4MP (2560*1440), Max 30fps; 3MP (2304*1296), Max 30fps; 1080P (1920*1080), Max 30fps; Ultra 265/H.265/H.264/MJPEG, Triple streams ,DC12V &amp; PoE, 120dB WDR, F2.7-13.5mm motorized zoom lens, Alarm in/out 1/1, Audio, IR range: up to 50m, Micro SD card slot，LightHunter: 0.002 Lux min. illumination</t>
  </si>
  <si>
    <t>0235C4NJ</t>
  </si>
  <si>
    <t>0235C4NP</t>
  </si>
  <si>
    <t>2.7~13.5mm,F1.2 Motorized</t>
  </si>
  <si>
    <t>1/2.7“ CMOS, ICR, 2592*1944 20fps,Ultra 265/H.264/MJPEG, Triple streams,DC12V &amp; PoE, Micro SD card slot, IP67&amp;IK10 ,Alarm in/out 1/1, Audio in/out 1/1, 120dB WDR,  IR range: up to 50m, 3-Axis, Lighthunter: 0.002Lux min. illumination</t>
  </si>
  <si>
    <t>0235C495</t>
  </si>
  <si>
    <t>0235C497</t>
  </si>
  <si>
    <t>1/1.8" CMOS, ICR,8MP (3840*2160), Max 30fps in Frame Rate Priority mode; Max 20fps in Smart Priority mode;Ultra 265/H.265/H.264/MJPEG, Triple streams ,DC12V &amp; PoE, 120dB WDR, 4 mm fixed lens, IR range: up to 80m, Micro SD card slot，0.001 Lux min. illumination</t>
  </si>
  <si>
    <t>0235C5KH</t>
  </si>
  <si>
    <t>0235C5KL</t>
  </si>
  <si>
    <t>120dB WDR, IP67&amp;IK10，HLC, 3-Axis，LightHunter，Built in AI algorithm</t>
  </si>
  <si>
    <t>1/1.8“ CMOS, ICR, 3840*2160 30fps,Ultra 265/H.264/MJPEG, Triple streams, AC24V&amp; DC12V &amp; PoE, Micro SD card slot, IP67&amp;IK10,Alarm 2/1, Audio1/1, 120dB WDR, 2.8-12mm F1.2 Motorized lens, IR range: up to 100m, 3-Axis, Lighthunter: 0.002Lux min. illumination</t>
  </si>
  <si>
    <t>0235C43K</t>
  </si>
  <si>
    <t>0235C43L</t>
  </si>
  <si>
    <t>1/2.8“ CMOS, ICR, 1920*1080 30fps,Ultra 265/H.264/MJPEG, Triple streams,DC12V &amp; PoE, Micro SD card slot, IP67&amp;IK10 ,Alarm in/out 1/1, Audio in/out 1/1, 120dB WDR,  IR range: up to 40m, 3-Axis, Lighthunter: 0.001Lux min. illumination</t>
  </si>
  <si>
    <t>0235C426</t>
  </si>
  <si>
    <t>0235C425</t>
  </si>
  <si>
    <t>1/2.8“ CMOS, ICR, 1920*1080 30fps,Ultra 265/H.264/MJPEG, Triple streams,DC12V &amp; PoE, Micro SD card slot, IP67&amp;IK10 ,Alarm in/out 1/1, Audio in/out 1/1, built-in Mic, 120dB WDR,  IR range: up to 40m, 3-Axis, Lighthunter: 0.001Lux min. illumination</t>
  </si>
  <si>
    <t>0235C42P</t>
  </si>
  <si>
    <t>0235C42Q</t>
  </si>
  <si>
    <t>1/1.8“ CMOS, ICR, 2688*1520 30fps,Ultra 265/H.264/MJPEG, Triple streams, AC24V&amp; DC12V &amp; PoE, Micro SD card slot, IP67,IK10,Alarm in/out 1/1, Audio, 120dB WDR, 2.8-12mm F1.2 Motorized lens, IR range: up to 40m, 3-Axis, Lighthunter: 0.0005Lux min. illumination</t>
  </si>
  <si>
    <t>0235C3Y7</t>
  </si>
  <si>
    <t>0235C3YA</t>
  </si>
  <si>
    <t>1/1.8" CMOS, ICR, 4MP (2688*1520), Max 30fps;Ultra 265/H.265/H.264/MJPEG, Triple streams ,DC12V &amp; PoE, 120dB WDR, 2.8-12 mm motorized lens, IR range: up to 40m， Micro SD card slot，0 Lux min. illumination</t>
  </si>
  <si>
    <t>0235C5KQ</t>
  </si>
  <si>
    <t>0235C5KS</t>
  </si>
  <si>
    <t>120dB WDR, IP67,IK10,HLC</t>
  </si>
  <si>
    <t>1/2.7" CMOS, ICR, 2880*1620: 25fps, Ultra 265/H.264/MJPEG, Two streams,   DC12V &amp; PoE, WDR,  IP67, IK10, 2.8-12mm, motorized zoom lens ,IR range: up to 40m.  3-Axis</t>
  </si>
  <si>
    <t>0235C5DK</t>
  </si>
  <si>
    <t>0235C5DR</t>
  </si>
  <si>
    <t>120dB WDR,IP67, HLC</t>
  </si>
  <si>
    <t>1/2.7" CMOS, ICR, 2880*1620: 25fps, Ultra 265/H.264/MJPEG, Two streams,   DC12V &amp; PoE, WDR,  IP67,  2.8-12mm, motorized zoom lens ,IR range: up to 40m.  3-Axis</t>
  </si>
  <si>
    <t>0235C5DL</t>
  </si>
  <si>
    <t>0235C5DQ</t>
  </si>
  <si>
    <t>1/2.7" CMOS, ICR, 5MP (2880*1620), Max 30fps; 4MP (2560*1440), Max 30fps; 3MP (2304*1296), Max 30fps; 1080P (1920*1080), Max 30fps; Ultra 265/H.265/H.264/MJPEG, Triple streams ,DC12V &amp; PoE, 120dB WDR, F2.7-13.5mm motorized zoom lens, Alarm in/out 1/1, Audio1/1, IR range: up to 40m, Micro SD card slot，LightHunter: 0.002 Lux min. illumination</t>
  </si>
  <si>
    <t>0235C4NK</t>
  </si>
  <si>
    <t>0235C4NN</t>
  </si>
  <si>
    <t>1/2.7“ CMOS, ICR, 2592*1944 20fps,Ultra 265/H.264/MJPEG, Triple streams,DC12V &amp; PoE, Micro SD card slot, IP67&amp;IK10 ,Alarm in/out 1/1, Audio in/out 1/1, built-in Mic, 120dB WDR,  IR range: up to 40m, 3-Axis, Lighthunter: 0.002Lux min. illumination</t>
  </si>
  <si>
    <t>0235C48R</t>
  </si>
  <si>
    <t>0235C48S</t>
  </si>
  <si>
    <t>1/2.7" CMOS, ICR, 5MP (2880*1620), Max 30fps; 4MP (2560*1440), Max 30fps; 3MP (2304*1296), Max 30fps; 1080P (1920*1080), Max 30fps; Ultra 265/H.265/H.264/MJPEG, Triple streams ,DC12V &amp; PoE, 120dB WDR, 2.7-13.5mm motorized lens, IR range: up to 40m, Micro SD card slot，LightHunter: 0.002 Lux min. illumination</t>
  </si>
  <si>
    <t>0235C4NL</t>
  </si>
  <si>
    <t>0235C4NM</t>
  </si>
  <si>
    <t>1/1.8" CMOS, ICR,8MP (3840*2160), Max 30fps in Frame Rate Priority mode; Max 20fps in Smart Priority mode;Ultra 265/H.265/H.264/MJPEG, Triple streams ,DC12V &amp; PoE, 120dB WDR, 2.8~12mm Motorized lens, IR range: up to 40m, Micro SD card slot，0 Lux min. illumination</t>
  </si>
  <si>
    <t>0235C5KP</t>
  </si>
  <si>
    <t>0235C5KR</t>
  </si>
  <si>
    <t>1/1.8" CMOS, ICR, 4MP (2688*1520), Max 30fps; Ultra 265/H.265/H.264/MJPEG, Triple streams ,DC12V &amp; PoE, 120dB WDR, 2.8-12 mm motorized lens, IR range: up to 40m， Micro SD card slot，0.0005 Lux min. illumination</t>
  </si>
  <si>
    <t>0235C5KN</t>
  </si>
  <si>
    <t>0235C5KT</t>
  </si>
  <si>
    <t>1/1.8" CMOS, ICR,8MP (3840*2160), Max 30fps in Frame Rate Priority mode; Max 20fps in Smart Priority mode; Ultra 265/H.265/H.264/MJPEG, Triple streams ,DC12V &amp; PoE, 120dB WDR, 2.8~12mm Motorized lens, IR range: up to 40m, Micro SD card slot，0.001 Lux min. illumination</t>
  </si>
  <si>
    <t>0235C5KM</t>
  </si>
  <si>
    <t>0235C5KU</t>
  </si>
  <si>
    <t>1/1.8“ CMOS, ICR, 2688*1520 60fps,Ultra 265/H.264/MJPEG, Triple streams, AC24V&amp; DC12V &amp; PoE, Micro SD card slot, IP67&amp;IK10,Alarm 1/1, Audio1/1, 120dB WDR, 2.8-12mm F1.2 Motorized lens, IR range: up to 40m, 3-Axis, Lighthunter: 0.0005Lux min. illumination</t>
  </si>
  <si>
    <t>0235C43E</t>
  </si>
  <si>
    <t>0235C43F</t>
  </si>
  <si>
    <t>1/1.8“ CMOS, ICR, 3840*2160 30fps,Ultra 265/H.264/MJPEG, Triple streams, AC24V&amp; DC12V &amp; PoE, Micro SD card slot, IP67&amp;IK10,Alarm 1/1, Audio1/1, 120dB WDR, 2.8-12mm F1.2 Motorized lens, IR range: up to 40m, 3-Axis, Lighthunter: 0.002Lux min. illumination</t>
  </si>
  <si>
    <t>0235C43D</t>
  </si>
  <si>
    <t>0235C43G</t>
  </si>
  <si>
    <t>\</t>
  </si>
  <si>
    <t>0235C5C2</t>
  </si>
  <si>
    <t>0235C5C3</t>
  </si>
  <si>
    <t>120dB WDR,  IP67, HLC,
Built in AI algorithm</t>
  </si>
  <si>
    <t>1/1.8" CMOS, ICR, 8MP(3840*2160),Max 30fps in Frame Rate Priority mode; Max 20fps in Smart Priority mode;Ultra 265/H.265/H.264/MJPEG, Triple streams ,DC12V &amp; PoE, 120dB WDR, Micro SD card slot</t>
  </si>
  <si>
    <t>0235C5PD</t>
  </si>
  <si>
    <t>0235C5PC</t>
  </si>
  <si>
    <t>Pro</t>
  </si>
  <si>
    <t>4*2MP（4K）</t>
  </si>
  <si>
    <t>4.2mm,Fixed</t>
  </si>
  <si>
    <t>LightHunter, 120dBWDR,HLC, IP67,  Smart functions</t>
  </si>
  <si>
    <t>1/1.8" CMOS, ICR,4096*1800@30fps,2880*1264@30fps, Ultra 265/H.264/MJPEG, Triple streams, AC24V/DC24V, Micro SD 256GB, Alarm in/out 2/1, Audio in/out 1/1,  -40-70℃, IP67,  4.2mm fixed lens,   IR range: up to 50m(164ft), IR anti-reflection window, LightHunter:0.002Lux min. illumination</t>
  </si>
  <si>
    <t>0235C3LX</t>
  </si>
  <si>
    <t>0235C3LY</t>
  </si>
  <si>
    <t>LightHunter, 120dBWDR,HLC, IP67,  Smart functions，POE</t>
  </si>
  <si>
    <t>1/1.8" CMOS, ICR,4096*1800@30fps,2880*1264@30fps, Ultra 265/H.264/MJPEG, Triple streams, AC24V/DC24V &amp; PoE, Micro SD 256GB, Alarm in/out 2/1, Audio in/out 1/1,  -40-70℃, IP67,  4.2mm fixed lens,   IR range: up to 30m(98.4ft), IR anti-reflection window, LightHunter:0.002Lux min. illumination</t>
  </si>
  <si>
    <t>0235C475</t>
  </si>
  <si>
    <t>0235C476</t>
  </si>
  <si>
    <t>повышение FOB</t>
  </si>
  <si>
    <t>Lens</t>
  </si>
  <si>
    <t>Apperance</t>
  </si>
  <si>
    <t>LENS-YM0312D-3M-NB</t>
  </si>
  <si>
    <t>LENS-DM3816D-3M-NB</t>
  </si>
  <si>
    <t>NB-BOM</t>
  </si>
  <si>
    <t>4801C078</t>
  </si>
  <si>
    <t>4801C06Q</t>
  </si>
  <si>
    <t>Focal Length</t>
  </si>
  <si>
    <t>3-12mm</t>
  </si>
  <si>
    <t>3.8-16mm</t>
  </si>
  <si>
    <t>Mount</t>
  </si>
  <si>
    <t>CS</t>
  </si>
  <si>
    <t>Format</t>
  </si>
  <si>
    <t>1/2.7"</t>
  </si>
  <si>
    <t>1/1.8"</t>
  </si>
  <si>
    <t>Pixel</t>
  </si>
  <si>
    <t>Aperture</t>
  </si>
  <si>
    <t>DC-Iris,F1.4</t>
  </si>
  <si>
    <t>DC-Iris,F1.6</t>
  </si>
  <si>
    <t>Angle of view</t>
  </si>
  <si>
    <t>105°-34°</t>
  </si>
  <si>
    <t>103°-22.5°</t>
  </si>
  <si>
    <t>Size</t>
  </si>
  <si>
    <t>Φ34.0×45.3×41.0</t>
  </si>
  <si>
    <t>Φ52x79.1</t>
  </si>
  <si>
    <t xml:space="preserve"> </t>
    <phoneticPr fontId="67" type="noConversion"/>
  </si>
  <si>
    <t>LENS-DM0825-5M-NB</t>
  </si>
  <si>
    <t>LENS-DM3816-8M-NB</t>
  </si>
  <si>
    <t>LENS-DM1570-8M-NB</t>
  </si>
  <si>
    <t>LENS-DM0825-8M-NB</t>
  </si>
  <si>
    <t>4801C08A</t>
  </si>
  <si>
    <t>4801C091</t>
  </si>
  <si>
    <t>4801C08S</t>
  </si>
  <si>
    <t>4801C08V</t>
  </si>
  <si>
    <t>8-25mm</t>
  </si>
  <si>
    <t>15-70mm</t>
  </si>
  <si>
    <t>1/1.7"</t>
  </si>
  <si>
    <t>DC auto-iris, F1.4</t>
  </si>
  <si>
    <t>DC auto-iris, F1.5</t>
  </si>
  <si>
    <t>122°- 2.9°</t>
  </si>
  <si>
    <t>26°- 6.3°</t>
  </si>
  <si>
    <t>51.9°- 17.1°</t>
  </si>
  <si>
    <t xml:space="preserve">Φ50x83.5 </t>
  </si>
  <si>
    <t>Φ50x68.8x58.1</t>
  </si>
  <si>
    <t xml:space="preserve">Φ58x113 </t>
  </si>
  <si>
    <t>Клавиатура</t>
  </si>
  <si>
    <t>KB-1100</t>
  </si>
  <si>
    <t>UNV KB-1100 Network Control Keyboard
• LCD screen display
• Four-dimensional joystick control
• Based on IP network
• Support multiple user permissions
• Connectable to NVR to control NVR menu and PTZ operations
• Multiple devices can be connected</t>
  </si>
  <si>
    <t>Блоки питания и POE инжекторы</t>
  </si>
  <si>
    <t>PWR-DC1201-EU</t>
  </si>
  <si>
    <t>PWR-AC2403-EU-NB</t>
  </si>
  <si>
    <t>AC24V/3A European Standard Power Adapter</t>
  </si>
  <si>
    <t>PWR-DC5612-P@NB</t>
  </si>
  <si>
    <t>Инжектор POE, Non-Brand 60W PSE, NPUT AC 100-240V~ 50/60Hz 2AMax, OUTPUT DC 56V/1.1A (+2%,-4%), 473g(1.04lb), Dimension(LxWxH): 183mmx70.8mmx37mm(7.20”x2.79”x1.46”)</t>
  </si>
  <si>
    <t>Кронштейны и монтажные коробки для видеокамер</t>
  </si>
  <si>
    <t>TR-JB07/WM04-IN</t>
  </si>
  <si>
    <t>4-inch Fixed Dome Outdoor Wall Mount, Outdoor, wall installation for 4-inch fixed dome
Dimensions 253mmx125mmx125mm (10” x4.9” x4.9”)
Weight 0.96kg(2.1lb)
Material Aluminum alloy</t>
  </si>
  <si>
    <t>TR-JB03-H-IN</t>
  </si>
  <si>
    <t>Fixed Dome Junction Box, Junction box for IPC363X Series, IPC36XXS/E Series fixed dome and 4MP fisheye
Dimensions Φ126mm*36mm (4.96” x1.42”)
Weight 0.24kg(0.53lb)
Material Aluminum alloy</t>
  </si>
  <si>
    <t>TR-JB04-D-IN</t>
  </si>
  <si>
    <t>Fixed Dome Junction Box, Wall installation for 8MP fisheye
Dimensions Φ149.2mm*40mm (5.87” x1.57”)
Weight 0.31kg(0.68lb)
Material Aluminum alloy</t>
  </si>
  <si>
    <t>TR-JB03-I-IN</t>
  </si>
  <si>
    <t>Fixed Dome Junction Box, Wall installation for IPC36XXL Series fixed dome
Dimensions Φ117.8mm*36mm (4.64” x1.42”)
Weight 0.2kg(0.44lb)
Material Aluminum alloy</t>
  </si>
  <si>
    <t>TR-JB07-D-IN</t>
  </si>
  <si>
    <t>Bullet Junction Box, Outdoor or indoor cable junction box for IPC23XX/222X、IPC74X and IPC252/26X series(Extra back outlet)
Dimensions Φ125mm*125mm*55mm (4.92” x4.92”x2.17”)
Weight 0.75kg(1.65lb)
Material Aluminum alloy</t>
  </si>
  <si>
    <t>TR-JB07/WM03-F-IN</t>
  </si>
  <si>
    <t>Fixed Dome Outdoor Wall Mount, wall installation for IPC363X and IPC36XXS/E series fixed dome(Extra back outlet) Dimensions Φ125mm*125mm*233mm (4.92” x4.92”x9.17”) Weight 0.98kg(2.16lb) Material Aluminum alloy</t>
  </si>
  <si>
    <t>TR-JB03-G-IN</t>
  </si>
  <si>
    <t>Fixed Dome Junction Box, Junction box for IPC32X Series and IPC31x series fixed dome. Dimensions φ106.6mm*36mm (4.20” x1.42”) Weight 0.2kg(0.44lb) Material Aluminum alloy</t>
  </si>
  <si>
    <t>TR-JB04-C-IN</t>
  </si>
  <si>
    <t>Wall installation for IPC323X Series fixed dome Dimensions Φ144.8mm*40mm (5.70” x1.57”) Weight 0.3kg(0.66lb) Material Aluminum alloy</t>
  </si>
  <si>
    <t>TR-JB05-A-IN</t>
  </si>
  <si>
    <t>Mini Bullet Camera Junction Box, Junction box for mini bullet dome camera(Extra back outlet)
Dimensions Φ93mm*93mm*39mm (3.66” x3.66”x1.54”)
Weight 0.2kg(0.44lb)
Material Aluminum alloy</t>
  </si>
  <si>
    <t>TR-JB07/WM04-B-IN</t>
  </si>
  <si>
    <t>Fixed Dome Outdoor Wall Mount, wall installation for IPC323X series fixed dome(Extra back outlet) Dimensions Φ125mm*125mm*252.5mm (4.92” x4.92”x9.94”) Weight 0.98kg(2.16lb) Material Aluminum alloy</t>
  </si>
  <si>
    <t>TR-UP06-B-IN</t>
  </si>
  <si>
    <t>Pole Mount Adapter, Outdoor, pole or rail installation for bullet camera of IPC22X and IPC24X series Dimensions(L × W × H) 99mmx90mmx38mm (3.9”x3.5”x1.5”) Weight 0.2kg(0.44lb) Material Aluminum, Stainless steel</t>
  </si>
  <si>
    <t>TR-WM03-B-IN</t>
  </si>
  <si>
    <t>3-inch Fixed Dome Mount, Wall installation for IPC32X and IPC361X series Dimensions 126mmx126mmx188mm (5” x5” x7.4” Weight 0.5kg(1.1lb) Material Aluminum alloy</t>
  </si>
  <si>
    <t>TR-CE45-IN</t>
  </si>
  <si>
    <t>Indoor pendent mount  (Need TR-UF45-I-IN) Φ116.5mmx239mm(Φ4.6" x9.4") 0.67kg(1.5lb)</t>
  </si>
  <si>
    <t>TR-CM06-IN</t>
  </si>
  <si>
    <t>Pendent mount for housing 491mmx239mmx100mm(19.3" x9.4" x3.9" ) 0.61kg(1.3lb)</t>
  </si>
  <si>
    <t>TR-FM152-A-IN</t>
  </si>
  <si>
    <t>In-ceiling mount Φ235mmx63mm(Φ9.3" x2.5") 0.49kg(1.1 lb)</t>
  </si>
  <si>
    <t>TR-FM200-IN</t>
  </si>
  <si>
    <t>In-ceiling mount Φ280mmx172.4mm (Φ11" x6.8") 2kg(4.4lb)</t>
  </si>
  <si>
    <t>TR-UF45-H-IN</t>
  </si>
  <si>
    <t>Fixed Dome Plate Mount, Wall or pendant installation for FixedDome, Dimensions Φ149mmx44mm(Φ5.9” x1.7”) Weight 0.22kg(0.49lb) Material Aluminum alloy</t>
  </si>
  <si>
    <t>TR-JB12-IN</t>
  </si>
  <si>
    <t>Junction box 296mmx244mmx127mm (11.7" x9.6" x5") 2.5kg(5.5lb)</t>
  </si>
  <si>
    <t>TR-SE45-IN</t>
  </si>
  <si>
    <t>Pendent  mount (200 mm ,need TR-UF45-A-IN &amp; TR-CE45-IN) Φ59mmx226mm(Φ2.3" x8.9") 0.42kg(0.9lb)</t>
  </si>
  <si>
    <t>TR-SE45-A-IN</t>
  </si>
  <si>
    <t>Ceiling mount (500 mm ,need TR-UF45-A-IN &amp; TR-CE45-IN) Φ59mmx526mm(Φ2.3" x20.7") 0.93kg(2.1lb)</t>
  </si>
  <si>
    <t>TR-SM04-IN</t>
  </si>
  <si>
    <t>Electric-box Transfer plate Φ145mmx13mm (5.7" x0.5") 0.13kg(0.29lb)</t>
  </si>
  <si>
    <t>TR-SM06-IN</t>
  </si>
  <si>
    <t>Corridor mode installation 70mmx52mmx52mm (2.8"x2.0"x2.0") 0.1kg(0.22lb)</t>
  </si>
  <si>
    <t>TR-UC08-A-IN</t>
  </si>
  <si>
    <t>Corner mount (Steel) (Need TR-WE45-IN) 215mmx210mmx122mm(8.5" x 8.3"x 4.8") 1.87kg(4.1lb)</t>
  </si>
  <si>
    <t>TR-UC08-B-IN</t>
  </si>
  <si>
    <t>Corner mount (Al Alloy) (Need TR-WE45-IN) 215mmx210mmx122mm(8.5" x 8.3"x 4.8") 1.87kg(4.1lb)</t>
  </si>
  <si>
    <t>TR-UF45-A-IN</t>
  </si>
  <si>
    <t>Pendent  mount adaptor Φ116mmx30.5mm (Φ4.6" x1.2") 0.3kg(0.66lb)</t>
  </si>
  <si>
    <t>TR-UM06-A-IN</t>
  </si>
  <si>
    <t>Indoor Wall /Pendent  mount Φ105mmx154.5mm(Φ4.1" x6.1") 0.2kg(0.44lb)</t>
  </si>
  <si>
    <t>TR-UP08-A-IN</t>
  </si>
  <si>
    <t>Vertical Pole mount (Steel) (Need TR-WE45-IN) 215mmx170mmx52mm(4.7" x 4.7"x 2.1") 1.47kg(3.2lb)</t>
  </si>
  <si>
    <t>TR-JB06-IN</t>
  </si>
  <si>
    <t>TR-UM06-C-IN</t>
  </si>
  <si>
    <t>Tilted mounting Φ149mmx44mm (5.9" x 1.7") 0.22kg(0.49lb)</t>
  </si>
  <si>
    <t>TR-UP06-IN</t>
  </si>
  <si>
    <t>Pole mount(Need TR-WM04-IN or TR-JB07/WM04-IN or TR-JB07/WM04-A-IN) 120mmx120mmx53.4mm(4.7" x 4.7"x 2.1") 0.45kg(0.99lb)</t>
  </si>
  <si>
    <t>TR-UP08-B-IN</t>
  </si>
  <si>
    <t>Vertical Pole mount (Al Alloy) (Need TR-WE45-IN) 215mmx170mmx52mm(4.7" x 4.7"x 2.1") 1.47kg(3.2lb)</t>
  </si>
  <si>
    <t>TR-UV06-A-IN</t>
  </si>
  <si>
    <t>3D Adjustable Mounting Bracket / Outdoor, pole or rail installation for housing 115mmx103mmx100mm(4.5" x 4.1"x 3.9") 0.8kg(1.76lb)</t>
  </si>
  <si>
    <t>TR-WE45-IN</t>
  </si>
  <si>
    <t>Wall mont(Need TR-UF45-C-IN) 230.3mmx141mmx201.5mm(9.1" x 5.6"x 7.9") 0.79kg(1.74lb)</t>
  </si>
  <si>
    <t>TR-WE45-A-IN</t>
  </si>
  <si>
    <t>Wall mount 216mmx141mmx314mm(8.5" x 5.6"x 12.4") 1.0kg(2.2lb)</t>
  </si>
  <si>
    <t>TR-WE45-B-IN</t>
  </si>
  <si>
    <t>Wall mount  4.2kg(9.26lb)</t>
  </si>
  <si>
    <t>TR-WM04-IN</t>
  </si>
  <si>
    <t>Wall mount 208mmx125mmx125mm (8.2" x4.9" x4.9") 0.48kg(1.1lb)</t>
  </si>
  <si>
    <t>TR-WM06-A-IN</t>
  </si>
  <si>
    <t>Wall mount for housing 300mmx80mmx133.2mm(11.8" x 3.1"x 5.2") 0.41kg(0.9lb)</t>
  </si>
  <si>
    <t>TR-WM06-I-IN</t>
  </si>
  <si>
    <t>Wall mount for housing
140mm×88mm×374mm
0.8kg(1.76lb)</t>
  </si>
  <si>
    <t>TR-WM06-B</t>
  </si>
  <si>
    <t>TR-WM06-C-IN</t>
  </si>
  <si>
    <t>Indoor Wall mount , 193mmx60mmx77mm(7.6" x 2.4"x 3.0") 0.2kg(0.44lb)</t>
  </si>
  <si>
    <t>Box Wall Mount</t>
  </si>
  <si>
    <t>TR-UM06-E-IN</t>
  </si>
  <si>
    <t>Fixed Dome Indoor Incline Mount. Indoor, incline installation for fixed dome. Dimensions Φ109.6mmx24.2mm (3.6” x 0.8”) Weight 0.04kg(0.1lb) Material Plastic</t>
  </si>
  <si>
    <t>TR-WM06-F</t>
  </si>
  <si>
    <t>Bracket TR-WM06-F
Application wall installation for 2CXX Bullet without 3-axis bracket
Dimensions 204mmx71mmx49mm(8.03” x 2.79”x1.92”)
Weight 132g(0.29lb)
Material Aluminum alloy</t>
  </si>
  <si>
    <t>Bullet Wall Mount</t>
  </si>
  <si>
    <t>TR-WM03-D-IN</t>
  </si>
  <si>
    <t>Fixed Dome Mount. Wall installation for IPC32XS/E/L series. Dimensions 126mmx127mmx183mm (4.96” x5” x7.20”) Weight 0.52kg(1.15lb) Material Aluminum alloy</t>
  </si>
  <si>
    <t>TR-JB07/WM03-G-IN</t>
  </si>
  <si>
    <t>Fixed Dome Outdoor Wall Mount, wall installation for IPC36XXL series fixed dome(Extra back outlet) Dimensions Φ125mm*125mm*228mm (4.92” x4.92”x8.98”) Weight 1kg(2.20lb) Material Aluminum alloy</t>
  </si>
  <si>
    <t>TR-JB06-A-IN</t>
  </si>
  <si>
    <t>Bullet Camera Junction Box. Outdoor or indoor cable junction box for IPC23XX OEM series(Extra back outlet). Dimensions Φ104mm*104mm*55.5mm (4.09” x4.09”x2.19”) Weight 0.42kg(0.93lb) Material Aluminum alloy</t>
  </si>
  <si>
    <t>TR-JB05-B-IN</t>
  </si>
  <si>
    <t>Bullet Camera Junction Box. Junction box for IPC21XX series with circular base(Extra back outlet).
Dimensions Φ104.4mm*54.5mm(4.11” x2.15”) Weight 0.36kg(0.79lb) Material Aluminum alloy</t>
  </si>
  <si>
    <t>TR-CM24-IN</t>
  </si>
  <si>
    <t>Fixed Dome Indoor Pendant Mount. Wall installation for IPC323X Series fixed dome
Dimensions Φ110mm*223.5mm (4.33” x8.80”) Weight 0.25kg(0.55lb) Material Aluminum alloy</t>
  </si>
  <si>
    <t>TR-SE24-IN</t>
  </si>
  <si>
    <t>Fixed Dome Pendant Mount. Indoor or outdoor, Fixed Dome Pendant Installation
Dimensions Φ32mmx220mm(Φ1.26”x8.66”) Weight 0.16kg(0.35lb) Material Aluminum alloy</t>
  </si>
  <si>
    <t>TR-SE24-A-IN</t>
  </si>
  <si>
    <t>Fixed Dome Pendant Mount. Indoor or outdoor, Fixed Dome Pendant Installation
Dimensions Φ32mmx520mm(Φ1.26”x20.47”) Weight 0.35kg(0.77lb) Material Aluminum alloy</t>
  </si>
  <si>
    <t>TR-UP06-C-IN</t>
  </si>
  <si>
    <t>Pole Mount Adapter. Outdoor, pole or rail installation for bullet camera of IPC23XX OEM、IPC23XX/22X、IPC74X and IPC252/26X series
Dimensions(L × W × H) 127mmx136mmx62.5mm (5”x5.35”x2.46”) Weight 0.34kg(0.75lb) Material Aluminum alloy</t>
  </si>
  <si>
    <t>TR-A01-IN</t>
  </si>
  <si>
    <t>NPT ¾"Plastic Waterproof joint NPT 3/4" 0.025kg(0.055lb)</t>
  </si>
  <si>
    <t>TR-WE45-D-IN</t>
  </si>
  <si>
    <t>Bracket TR-WE45-D-IN
Application Indoor or outdoor, Multi-sensor Panoramic Network Camera Wall installation
Dimensions 225.0mmx111.3mmx150.6mm(8.9” x 4.4”x 5.9”)
Weight 0.58kg (1.28lb)
Material Aluminum alloy</t>
  </si>
  <si>
    <t>TR-CM06-C-IN</t>
  </si>
  <si>
    <t xml:space="preserve">Bracket TR-CM06-C-IN
Application Indoor or outdoor, Multi-sensor Panoramic Network Camera Pendant installation
Dimensions 539.0mmx366.5mmx116.5mm(25.2” x 14.4”x 4.6”)
Weight 1.63kg (3.59lb)
Material Aluminum alloy
</t>
  </si>
  <si>
    <t>TR-UV06-C-IN</t>
  </si>
  <si>
    <t>Bracket TR-UV06-C-IN
Application Indoor or outdoor, pole or rail installation
Dimensions 116.9mmx101.0mmx83.0mm(4.6” x 4.0”x 3.3”)
Weight 0.28kg (0.62lb)
Material Aluminum alloy</t>
  </si>
  <si>
    <t>Bracket TR-A01-IN
Application Indoor and outdoor
Dimensions Ø37 × 46mm (Ø1.46” × 1.81”)
Weight 0.023kg(0.05lb)
Material Plastic</t>
  </si>
  <si>
    <t>KIT-TR4-1</t>
  </si>
  <si>
    <t>TR-WE45-E-IN</t>
  </si>
  <si>
    <t>BOX CAMERA</t>
  </si>
  <si>
    <t>IPC54X/IPC56X series</t>
  </si>
  <si>
    <t>HS-108-IN</t>
  </si>
  <si>
    <t>HS-217S-IN</t>
  </si>
  <si>
    <t>HS-217SHB-BL</t>
  </si>
  <si>
    <t>HS-217SHB-IR</t>
  </si>
  <si>
    <t>HS-217S-B-NB</t>
  </si>
  <si>
    <t>HS-217SHB-B-NB</t>
  </si>
  <si>
    <t>HS-217SHB-IR-B-NB</t>
  </si>
  <si>
    <t>TR-WM06-I-IN_x000D_</t>
    <phoneticPr fontId="35" type="noConversion"/>
  </si>
  <si>
    <t>2115C041</t>
  </si>
  <si>
    <t>2115C03B</t>
  </si>
  <si>
    <t>2118C00B</t>
  </si>
  <si>
    <t>2118C01B</t>
  </si>
  <si>
    <t>2118C012</t>
  </si>
  <si>
    <t>0231C0LQ</t>
  </si>
  <si>
    <t>2115C02X</t>
  </si>
  <si>
    <t>2115C02R</t>
  </si>
  <si>
    <t>2115C02T</t>
  </si>
  <si>
    <t>2115C02S</t>
  </si>
  <si>
    <t>2115C02V</t>
  </si>
  <si>
    <t>2118C01X</t>
  </si>
  <si>
    <t>0231C0SM</t>
  </si>
  <si>
    <t>0231C0SN</t>
  </si>
  <si>
    <t>2115C0B9</t>
  </si>
  <si>
    <t xml:space="preserve">Indoor Wall mount </t>
  </si>
  <si>
    <t xml:space="preserve">Indoor Wall /Pendent  mount </t>
  </si>
  <si>
    <t>Housing (Indoor)</t>
  </si>
  <si>
    <t xml:space="preserve">Outdoor installation
(-20 ℃~60 ℃)
</t>
  </si>
  <si>
    <t xml:space="preserve">Outdoor installation
(-40 ℃~60 ℃)
</t>
  </si>
  <si>
    <r>
      <t xml:space="preserve">Outdoor installation
Built-in IR LED
(-40 </t>
    </r>
    <r>
      <rPr>
        <sz val="10"/>
        <rFont val="微软雅黑"/>
        <family val="2"/>
        <charset val="134"/>
      </rPr>
      <t xml:space="preserve">℃~60 ℃)
</t>
    </r>
  </si>
  <si>
    <t>Horizontal Pole mount for housing</t>
  </si>
  <si>
    <t>Pole mount(Need Wall mount)</t>
  </si>
  <si>
    <t>Pendent mount for housing</t>
  </si>
  <si>
    <t>Wall mount for housing</t>
  </si>
  <si>
    <t>Corridor mode installation</t>
  </si>
  <si>
    <t>Outdoor installation
(-20 ℃~60 ℃)</t>
  </si>
  <si>
    <t>Outdoor installation
(-40 ℃~70 ℃)</t>
  </si>
  <si>
    <t>193mmx60mmx77mm(7.6" x 2.4"x 3.0")</t>
  </si>
  <si>
    <t>Φ105mmx154.5mm(Φ4.1" x6.1")</t>
  </si>
  <si>
    <t>305mmx115.4mmx92mm (12.0" x 4.5"x 3.6")</t>
  </si>
  <si>
    <t>462mm×161mm×112mm(17.04” x 6.3”x 4.4”)</t>
  </si>
  <si>
    <t>433mm×161mm×112mm(17.04” x 6.3”x 4.4”)</t>
  </si>
  <si>
    <t>462mm×161mm×112mm(18.2” x 6.3”x 4.4”)</t>
  </si>
  <si>
    <t>115mmx103mmx100mm(4.5" x 4.1"x 3.9")</t>
  </si>
  <si>
    <t>120mmx120mmx53.4mm(4.7" x 4.7"x 2.1")</t>
  </si>
  <si>
    <t>491mmx239mmx100mm(19.3" x9.4" x3.9" )</t>
  </si>
  <si>
    <t>300mmx80mmx133.2mm(11.8" x 3.1"x 5.2")</t>
  </si>
  <si>
    <t>70mmx52mmx52mm (2.8"x2.0"x2.0")</t>
  </si>
  <si>
    <t>497.7mm×122.6mm×168.9mm</t>
  </si>
  <si>
    <t>497.7mm×122.6mm×168.9mm</t>
    <phoneticPr fontId="35" type="noConversion"/>
  </si>
  <si>
    <t>140mm×88mm×374mm</t>
  </si>
  <si>
    <t>0.2kg(0.44lb)</t>
  </si>
  <si>
    <t>0.8kg(1.8lb)</t>
  </si>
  <si>
    <t>1.42KG(3.13lb)</t>
  </si>
  <si>
    <t>1.6KG(3.53lb)</t>
  </si>
  <si>
    <t>1.65KG(3.63lb)</t>
  </si>
  <si>
    <t>0.8kg(1.76lb)</t>
  </si>
  <si>
    <t>0.45kg(0.99lb)</t>
  </si>
  <si>
    <t>0.61kg(1.3lb)</t>
  </si>
  <si>
    <t>0.41kg(0.9lb)</t>
  </si>
  <si>
    <t>0.1kg(0.22lb)</t>
  </si>
  <si>
    <t>2.4kg(5.3lb)</t>
  </si>
  <si>
    <t>2.7kg(5.95lb)</t>
  </si>
  <si>
    <t>2.8kg(6.2lb)</t>
  </si>
  <si>
    <t>FIXED DOME</t>
  </si>
  <si>
    <t>IPC323x series</t>
  </si>
  <si>
    <t xml:space="preserve">TR-WM04-IN </t>
  </si>
  <si>
    <t>2115C04F</t>
  </si>
  <si>
    <t>2115C043</t>
  </si>
  <si>
    <t>2115C0AV</t>
  </si>
  <si>
    <t>2115C0AP</t>
  </si>
  <si>
    <t>2115C04P</t>
  </si>
  <si>
    <t>2160C00D</t>
  </si>
  <si>
    <t>2115C0B1</t>
  </si>
  <si>
    <t>2115C0B2</t>
  </si>
  <si>
    <t>2115C0B3</t>
  </si>
  <si>
    <t>In-ceiling mount</t>
  </si>
  <si>
    <t>Wall mount</t>
  </si>
  <si>
    <t>Wall mount
with junction box
(Extra back outlet for cable)</t>
  </si>
  <si>
    <t>Junction box</t>
  </si>
  <si>
    <t>Electric-box Transfer plate</t>
  </si>
  <si>
    <t>NPT ¾"Plastic
Waterproof joint</t>
  </si>
  <si>
    <t>Dome Pendent  Mounting Bracket (Need Juction box)</t>
  </si>
  <si>
    <t>Dome Pendent  Mounting Pole
 (200mm,need Pendent  mount adaptor with TR-CM24-IN)</t>
  </si>
  <si>
    <t>Dome Pendent  Mounting Pole
 (500mm,need Pendent  mount adaptor with TR-CM24-IN)</t>
  </si>
  <si>
    <t>Φ235mmx63mm(Φ9.3" x2.5")</t>
  </si>
  <si>
    <t>208mmx125mmx125mm (8.2" x4.9" x4.9")</t>
  </si>
  <si>
    <t>253mmx125mmx125mm (10" x4.9" x4.9")</t>
  </si>
  <si>
    <t>Φ145mmx40mm (Φ5.7" x1.6")</t>
  </si>
  <si>
    <t>Φ145mmx13mm (Φ5.7" x0.5")</t>
  </si>
  <si>
    <t>NPT 3/4"</t>
  </si>
  <si>
    <t>Φ110mmx223.5mm
(Φ4.3"x8.8")</t>
  </si>
  <si>
    <t>Φ32mmx220mm
(Φ1.3"x8.7")</t>
  </si>
  <si>
    <t>Φ32mmx520mm
(Φ1.3"x20.5")</t>
  </si>
  <si>
    <t>0.49kg(1.1 lb)</t>
  </si>
  <si>
    <t>0.48kg(1.1lb)</t>
  </si>
  <si>
    <t>0.96kg(2.1lb)</t>
  </si>
  <si>
    <t>0.24kg(0.5lb)</t>
  </si>
  <si>
    <t>0.13kg(0.29lb)</t>
  </si>
  <si>
    <t>0.025kg(0.055lb)</t>
  </si>
  <si>
    <t>0.25kg(0.55lb)</t>
  </si>
  <si>
    <t>0.16kg(0.35lb)</t>
  </si>
  <si>
    <t>0.35kg(0.77lb)</t>
  </si>
  <si>
    <r>
      <t>IPC32x</t>
    </r>
    <r>
      <rPr>
        <sz val="10"/>
        <color rgb="FFFF0000"/>
        <rFont val="微软雅黑"/>
        <family val="2"/>
        <charset val="134"/>
      </rPr>
      <t>S/E/L</t>
    </r>
    <r>
      <rPr>
        <sz val="10"/>
        <color theme="1"/>
        <rFont val="微软雅黑"/>
        <family val="2"/>
        <charset val="134"/>
      </rPr>
      <t xml:space="preserve"> series</t>
    </r>
  </si>
  <si>
    <t>2115C07V</t>
  </si>
  <si>
    <t>2115C0AW</t>
  </si>
  <si>
    <t>2115C0AX</t>
  </si>
  <si>
    <t>2115C0AM</t>
  </si>
  <si>
    <t>Tilted mounting</t>
  </si>
  <si>
    <t>Φ109.6mmx20mm 
(Φ4.3" x 0.8")</t>
  </si>
  <si>
    <t>Φ110mmx223.5mm
(4.3"x8.8")</t>
  </si>
  <si>
    <t>Φ32mmx220mm
(1.3"x8.7")</t>
  </si>
  <si>
    <t>Φ32mmx520mm
(1.3"x20.5")</t>
  </si>
  <si>
    <t>126mmx127mmx183mm (4.96” x5” x7.20”)</t>
  </si>
  <si>
    <t>125mm*125mm*228mm (4.92” x4.92”x8.98”)</t>
  </si>
  <si>
    <t>φ106.6mm*36mm (4.20” x1.42”)</t>
  </si>
  <si>
    <t>0.04kg(0.1lb)</t>
  </si>
  <si>
    <t>0.52kg(1.15lb)</t>
  </si>
  <si>
    <t>1kg(2.20lb)</t>
  </si>
  <si>
    <r>
      <t>IPC361x</t>
    </r>
    <r>
      <rPr>
        <sz val="10"/>
        <color rgb="FFFF0000"/>
        <rFont val="微软雅黑"/>
        <family val="2"/>
        <charset val="134"/>
      </rPr>
      <t xml:space="preserve">L </t>
    </r>
    <r>
      <rPr>
        <sz val="10"/>
        <color theme="1"/>
        <rFont val="微软雅黑"/>
        <family val="2"/>
        <charset val="134"/>
      </rPr>
      <t xml:space="preserve">series
</t>
    </r>
  </si>
  <si>
    <t>2115C0AR</t>
  </si>
  <si>
    <t>Φ117mmx36mm (4.63" x1.41")</t>
  </si>
  <si>
    <t>0.18kg(0.4lb)</t>
  </si>
  <si>
    <t>IPC361x series
IPC363X
seies
Mini PTZ</t>
  </si>
  <si>
    <t xml:space="preserve">TR-WM03-B-IN </t>
  </si>
  <si>
    <t>2115C08L</t>
  </si>
  <si>
    <t>2115C0AU</t>
  </si>
  <si>
    <t>2115C0AN</t>
  </si>
  <si>
    <t>188mmx126mmx126mm (7.4" x5" x5")</t>
  </si>
  <si>
    <t>233mmx126mmx126mm (9.2" x5" x5")</t>
  </si>
  <si>
    <t>Φ126mm*36mm (4.96” x1.42”)</t>
  </si>
  <si>
    <t>0.44kg(0.97lb)</t>
  </si>
  <si>
    <t>0.9kg(1.98lb)</t>
  </si>
  <si>
    <t>0.24kg(0.53lb)</t>
  </si>
  <si>
    <t>IPC31x series
Metal base</t>
  </si>
  <si>
    <t>Φ109.6mmx20mm (4.3" x 0.8")</t>
  </si>
  <si>
    <t>Φ109mmx39mm (4.29" x1.54")</t>
  </si>
  <si>
    <t>IPC868 series</t>
  </si>
  <si>
    <t xml:space="preserve">
</t>
  </si>
  <si>
    <t>2115C0AQ</t>
  </si>
  <si>
    <t>Φ149mmx40mm (5.9" x1.6")</t>
  </si>
  <si>
    <t>0.28kg(0.6lb)</t>
  </si>
  <si>
    <t>IPC814 series</t>
  </si>
  <si>
    <t>Φ126mmx36mm (5.0" x1.4")</t>
  </si>
  <si>
    <t>BULLET CAMERA</t>
  </si>
  <si>
    <t>IPC222x series
IPC23xx series
IPC74x series
IPC26x series</t>
  </si>
  <si>
    <t>2115C08A</t>
  </si>
  <si>
    <t>2115C0AT</t>
  </si>
  <si>
    <t>2115C0B4</t>
  </si>
  <si>
    <t>2115C0AY</t>
  </si>
  <si>
    <t>Pole mount</t>
  </si>
  <si>
    <t>Junction box (Extra back outlet for cable)</t>
  </si>
  <si>
    <t xml:space="preserve">Pole mount
</t>
  </si>
  <si>
    <t xml:space="preserve">99mmx90mmx38mm(3.9" x 3.5"x 1.5") </t>
  </si>
  <si>
    <t xml:space="preserve">125mmx125mmx55m(4.8" x4.8" x2.2")
</t>
  </si>
  <si>
    <t>127 × 136 × 62.35mm (5.00” × 5.35” × 2.45”)</t>
  </si>
  <si>
    <t>102mm*102mm*55.5mm
(4.0“x4.0”x2.2“)</t>
  </si>
  <si>
    <t>0.75kg(1.65b)</t>
  </si>
  <si>
    <t>0.34kg (0.75lb)</t>
  </si>
  <si>
    <t>0.4kg(0.88lb)</t>
  </si>
  <si>
    <t>IPC252 series</t>
  </si>
  <si>
    <t xml:space="preserve">IPC2C22
</t>
  </si>
  <si>
    <t>2115C09P</t>
  </si>
  <si>
    <t xml:space="preserve">Wall mount </t>
  </si>
  <si>
    <t>204mmx71mmx49mm(8.03” x 2.79”x1.92”)</t>
  </si>
  <si>
    <t>0.13Kg(0.29lb)</t>
  </si>
  <si>
    <t xml:space="preserve">IPC21xx series </t>
  </si>
  <si>
    <t>2115C0AS</t>
  </si>
  <si>
    <t>93mmX93mmX39mm(3.7" x3.7" x1.5")</t>
  </si>
  <si>
    <t xml:space="preserve">IPC21xx series
(Round mount) </t>
  </si>
  <si>
    <t>2115C083</t>
  </si>
  <si>
    <t>2115C0B0</t>
  </si>
  <si>
    <t>Φ104mmx54.5mm (Φ4.1" x2.1")</t>
  </si>
  <si>
    <t>PTZ DOME</t>
  </si>
  <si>
    <t>IPC62xx Series
IPC63xx Series</t>
  </si>
  <si>
    <t>2115C033</t>
  </si>
  <si>
    <t>2115C038</t>
  </si>
  <si>
    <t>2115C035</t>
  </si>
  <si>
    <t>2115C036</t>
  </si>
  <si>
    <t>Pendent  mount adaptor</t>
  </si>
  <si>
    <t>Pendent  mount (200 mm)</t>
  </si>
  <si>
    <t>Pendent  mount (200 mm ,need Pendent  mount adaptor with CE45)</t>
  </si>
  <si>
    <t>Ceiling mount (500 mm ,need Pendent  mount adaptor  with CE45)</t>
  </si>
  <si>
    <t>Φ116mmx30.5mm (Φ4.6" x1.2")</t>
  </si>
  <si>
    <t>Φ116.5mmx239mm (Φ4.6" x9.4")</t>
  </si>
  <si>
    <t>Φ59mmx226mm(Φ2.3" x8.9")</t>
  </si>
  <si>
    <t>Φ59mmx526mm(Φ2.3" x20.7")</t>
  </si>
  <si>
    <t>0.3kg(0.66lb)</t>
  </si>
  <si>
    <t>0.67kg(1.5lb)</t>
  </si>
  <si>
    <t>0.42kg(0.9lb)</t>
  </si>
  <si>
    <t>0.93kg(2.1lb)</t>
  </si>
  <si>
    <t>TR-UP08-A-IN(Steel)</t>
  </si>
  <si>
    <t>TR-UC08-A-IN(Steel)</t>
  </si>
  <si>
    <t>TR-UP08-B-IN(Al Alloy)</t>
  </si>
  <si>
    <t>TR-UC08-B-IN(Al Alloy)</t>
  </si>
  <si>
    <t>2115C037</t>
  </si>
  <si>
    <t>2115C04J</t>
  </si>
  <si>
    <t>2115C077</t>
  </si>
  <si>
    <t>2115C04U</t>
  </si>
  <si>
    <t>2115C039</t>
  </si>
  <si>
    <t>2115C03A</t>
  </si>
  <si>
    <t>2115C054</t>
  </si>
  <si>
    <t>2115C053</t>
  </si>
  <si>
    <t>Vertical Pole mount (Need Wall mount)</t>
  </si>
  <si>
    <t>Corner mount (Need Wall mount)</t>
  </si>
  <si>
    <t>230.3mmx141mmx201.5mm(9.1" x 5.6"x 7.9")</t>
  </si>
  <si>
    <t>216mmx141mmx314mm(8.5" x 5.6"x 12.4")</t>
  </si>
  <si>
    <t>296mmx244mmx127mm (11.7" x9.6" x5")</t>
  </si>
  <si>
    <t>215mmx170mmx52mm(4.7" x 4.7"x 2.1")</t>
  </si>
  <si>
    <t>215mmx210mmx122mm(8.5" x 8.3"x 4.8")</t>
  </si>
  <si>
    <t>0.79kg(1.74lb)</t>
  </si>
  <si>
    <t>1.0kg(2.2lb)</t>
  </si>
  <si>
    <t>4.2kg(9.26lb)</t>
  </si>
  <si>
    <t>2.5kg(5.5lb)</t>
  </si>
  <si>
    <t>1.47kg(3.2lb)</t>
  </si>
  <si>
    <t>1.87kg(4.1lb)</t>
  </si>
  <si>
    <t xml:space="preserve">IPC68x Series </t>
  </si>
  <si>
    <t>Pendent  mount (200 mm ,need Pendent  mount adaptor)</t>
  </si>
  <si>
    <t>Ceiling mount (500 mm ,need Pendent  mount adaptor)</t>
  </si>
  <si>
    <t>Φ116mmx30.5mm(Φ4.6" x1.2")</t>
  </si>
  <si>
    <t>Φ116.5mmx239mm(Φ4.6" x9.4")</t>
  </si>
  <si>
    <t>Vertical Pole mount (Need Wall mount )</t>
  </si>
  <si>
    <t>Corner mount (Need Wall mount )</t>
  </si>
  <si>
    <t>IPC6222EI-X22UP-C</t>
  </si>
  <si>
    <t>2115C082</t>
  </si>
  <si>
    <t>2115C02P</t>
  </si>
  <si>
    <t>Adaptor</t>
  </si>
  <si>
    <t>Indoor pendent  mount
 (200 mm,Need Adaptor)</t>
  </si>
  <si>
    <t>Wall mont(Need Adaptor)</t>
  </si>
  <si>
    <t>φ149mm*44mm(Φ5.9" x1.7")</t>
  </si>
  <si>
    <t>Φ280mmx172.4mm (Φ11" x6.8")</t>
  </si>
  <si>
    <t>0.22kg(0.48lb)</t>
  </si>
  <si>
    <t>2kg(4.4lb)</t>
  </si>
  <si>
    <t xml:space="preserve">2115C0BD </t>
  </si>
  <si>
    <t xml:space="preserve">2115C0BE </t>
  </si>
  <si>
    <t xml:space="preserve">2115C0B6 </t>
  </si>
  <si>
    <t>Pendant Mount</t>
  </si>
  <si>
    <t>2D Bracket Mount</t>
  </si>
  <si>
    <t>Wall Mount</t>
  </si>
  <si>
    <t>Pole mount Adapter(Need Wall mount)</t>
  </si>
  <si>
    <t>Pole mount(Need 2D Bracket mount)</t>
  </si>
  <si>
    <t>539.0mmx366.5mmx116.5mm(25.2” x 14.4”x 4.6”)</t>
  </si>
  <si>
    <t>116.9mmx101.0mmx83.0mm(4.6” x 4.0”x 3.3”)</t>
  </si>
  <si>
    <t>225.0mmx111.3mmx150.6mm(8.9” x 4.4”x 5.9”)</t>
  </si>
  <si>
    <t>99mmx90mmx38mm (3.9”x3.5”x1.5”)</t>
  </si>
  <si>
    <t>1.63kg (3.59lb)</t>
  </si>
  <si>
    <t>0.28kg (0.62lb)</t>
  </si>
  <si>
    <t>0.58kg (1.28lb)</t>
  </si>
  <si>
    <t>1/2.7" 3MP 手动变焦 3-12mm F1.4 CS镜头</t>
  </si>
  <si>
    <t>1/1.7'' 8MP 手动变焦 3.8-16mm F1.5 CS镜头</t>
  </si>
  <si>
    <t>1/1.7'' 8MP 手动变焦 15-70mm F1.5 C镜头</t>
  </si>
  <si>
    <t>1/1.8'' 5MP 手动变焦 8-25mm F1.4 CS镜头</t>
  </si>
  <si>
    <t>1/1.7'' 8MP 手动变焦 8-25mm F1.4 CS镜头</t>
  </si>
  <si>
    <t>1/1.8" 3MP 手动变焦 3.8-16mm C镜头</t>
  </si>
  <si>
    <t>IPC3238EA-DZK-RU</t>
  </si>
  <si>
    <t>TBD</t>
  </si>
  <si>
    <t xml:space="preserve">IPC3534SA-DF28K
</t>
  </si>
  <si>
    <t xml:space="preserve">IPC3534SA-DF40K
</t>
  </si>
  <si>
    <t>IPC3235SS-DZK-I0</t>
  </si>
  <si>
    <t>IPC3235SS-DZK-I0-RU</t>
  </si>
  <si>
    <t>IPC2325SS-DZK-I0</t>
  </si>
  <si>
    <t>IPC2325SS-DZK-I0-RU</t>
  </si>
  <si>
    <t>Уличные мини PTZ видеокамеры</t>
  </si>
  <si>
    <t>3Мп  IP видеокамеры с фиксированным объективом</t>
  </si>
  <si>
    <t>4Мп  IP видеокамеры с фиксированным объективом</t>
  </si>
  <si>
    <t>5Мп  IP видеокамеры с фиксированным объективом</t>
  </si>
  <si>
    <t>8Мп  IP видеокамеры с фиксированным объективом</t>
  </si>
  <si>
    <t>2Мп  IP видеокамеры с вариофокальным объективом</t>
  </si>
  <si>
    <t>4Мп  IP видеокамеры с вариофокальным объективом</t>
  </si>
  <si>
    <t>5Мп  IP видеокамеры с вариофокальным объективом</t>
  </si>
  <si>
    <t>8Мп  IP видеокамеры с вариофокальным объективом</t>
  </si>
  <si>
    <t>NVR824-128R</t>
  </si>
  <si>
    <t>NVR824-256R</t>
  </si>
  <si>
    <t>NVR824-128R-RU</t>
  </si>
  <si>
    <t>NVR824-256R-RU</t>
  </si>
  <si>
    <t xml:space="preserve">Видеокамера IP Корпусная 8 Мп; 1/1.8" CMOS, ICR, 8MP(3840*2160),Max 30fps in Frame Rate Priority mode; Max 20fps in Smart Priority mode;Ultra 265/H.265/H.264/MJPEG, тройной видеопоток ,DC12V &amp; PoE, SFP, 120dB WDR, Micro SD card slot, тревожные ввод/вывод 2/1, Audio ввод/вывод 1/1.  </t>
  </si>
  <si>
    <t>Видеокамера IP Корпусная 2 Мп; 1/2.8" CMOS, тройной видеопоток, Main Stream: 2MP (1920*1080),Max 60fps; Sub Stream: 720P (1280*720), Max 60fps;
Third Stream: D1 (720*576), Max 60fps Ultra 265/H.264/MJPEG, WDR 120dB, Colour:0.0005lux (F1.2, AGC ON), B/W: 0.0001Lux(F1.2, AGC ON) минимальная освещенность,  крепление объектива C/CS; DC-Iris/P-Iris, DC 5V (4 Pins), ICR, cлот micro SD (256Gb) ANR,NAS(NFS), RS485, BNC 1, тревожные ввод/вывод 2/1, Audio ввод/вывод 1/1 . Размеры (ДхШхВ) 152 x 71 х 65мм.  -20°C до +50°C; 6KV, 2DC12V(±25%), AC24V(±25%), PoE(IEEE 802.3af), Потребляемая мощность: макс. 6,0 Вт</t>
  </si>
  <si>
    <t>Full-color</t>
  </si>
  <si>
    <t>IPC2125SS-ADF28KM-I0</t>
  </si>
  <si>
    <t>IPC2125SS-ADF40KM-I0</t>
  </si>
  <si>
    <t>IPC325SS-DF28K-I0</t>
  </si>
  <si>
    <t>IPC325SS-DF40K-I0</t>
  </si>
  <si>
    <t>IPC3615SS-ADF28KM-I0</t>
  </si>
  <si>
    <t>IPC3615SS-ADF40KM-I0</t>
  </si>
  <si>
    <t>IPC328SS-DF28K-I0</t>
  </si>
  <si>
    <t>IPC328SS-DF40K-I0</t>
  </si>
  <si>
    <t>IPC3618SS-ADF28KM-I0</t>
  </si>
  <si>
    <t>IPC3618SS-ADF40KM-I0</t>
  </si>
  <si>
    <t>IPC3635SS-ADZK-I0</t>
  </si>
  <si>
    <t>IPC6312LR-AX4-VG</t>
  </si>
  <si>
    <t>IPC6312LR-AX4-VG-RU</t>
  </si>
  <si>
    <t>(Micro)SD Slot</t>
  </si>
  <si>
    <t>Corridor Mode</t>
  </si>
  <si>
    <t>Audio</t>
  </si>
  <si>
    <t>Alarm I/O</t>
  </si>
  <si>
    <t>Reset Button</t>
  </si>
  <si>
    <t>5X</t>
    <phoneticPr fontId="67" type="noConversion"/>
  </si>
  <si>
    <t>Mic/
Speaker</t>
    <phoneticPr fontId="67" type="noConversion"/>
  </si>
  <si>
    <t>WDR,PoE,wifi, HLC, 1024preset
Smart intrusion prevention, face capture</t>
    <phoneticPr fontId="67" type="noConversion"/>
  </si>
  <si>
    <t>1/2.7" CMOS, ICR, 2880x1620:30fps, Ultra 265/H.264/MJPEG, Triple streams, DC12V, PoE,wifi, Micro SD card slot,  -10-50℃,5x lens(2.7~ 13.5mm), IR range: up to 30m, Built-in Mic &amp; speaker</t>
    <phoneticPr fontId="67" type="noConversion"/>
  </si>
  <si>
    <t>Easy</t>
    <phoneticPr fontId="67" type="noConversion"/>
  </si>
  <si>
    <t>4x</t>
    <phoneticPr fontId="67" type="noConversion"/>
  </si>
  <si>
    <t>Lighthunter,WDR, IP66, 4X optical zoom, 
Smart intrusion prevention, dual-way talk
Auto-tracking</t>
    <phoneticPr fontId="67" type="noConversion"/>
  </si>
  <si>
    <t>Prime</t>
    <phoneticPr fontId="67" type="noConversion"/>
  </si>
  <si>
    <t>4MP</t>
    <phoneticPr fontId="67" type="noConversion"/>
  </si>
  <si>
    <t>25X</t>
    <phoneticPr fontId="67" type="noConversion"/>
  </si>
  <si>
    <t>LightHunter, WDR, IP67, IK10, 25X optical zoom, RS485, BNC
Smart Intrusion Prevention, auto-tracking
Face capture</t>
    <phoneticPr fontId="67" type="noConversion"/>
  </si>
  <si>
    <t>1/2.8" CMOS, ICR, 2688x1520:30fps, Ultra 265/H.264/MJPEG, Triple streams, DC12V, POE, Micro SD card slot,  Alarm in/out 2/1, Audio, -40-70℃, IP67, IK10, 25x optical zoom( 4.8~120mm), IR range: up to 100m, IR anti-reflection window</t>
    <phoneticPr fontId="67" type="noConversion"/>
  </si>
  <si>
    <t>2MP</t>
    <phoneticPr fontId="67" type="noConversion"/>
  </si>
  <si>
    <t>LightHunter, WDR, IP66, 25X optical zoom
Smart Intrusion Prevention, auto-tracking
Face capture</t>
    <phoneticPr fontId="67" type="noConversion"/>
  </si>
  <si>
    <t>1/2.8" CMOS, ICR, 2688x1520:30fps, Ultra 265/H.264/MJPEG, Five streams, DC24V, POE, Micro SD card slot,  Alarm in/out 2/1, Audio, -40-65℃, IP66, 25x optical zoom( 5~125mm), IR range: up to 150m, IR anti-reflection window</t>
    <phoneticPr fontId="67" type="noConversion"/>
  </si>
  <si>
    <t>120dB WDR, IP66, 33X optical zoom, HLC, 
Smart intrusion prevention, face capture</t>
    <phoneticPr fontId="67" type="noConversion"/>
  </si>
  <si>
    <t>1/2.8" CMOS, ICR, 1920x1080:60fps, Ultra 265/H.264/MJPEG, Five streams, AC24V/DC24V, Micro SD card slot, Alarm in/out 2/1, Audio, -40-65℃, IP66, 33x optical zoom(4.5 ~ 148.5mm), IR range: up to 150m, IR anti-reflection window</t>
    <phoneticPr fontId="67" type="noConversion"/>
  </si>
  <si>
    <t>LightHunter, WDR, IP66, 33X optical zoom
Smart Intrusion Prevention, auto-tracking
Face capture</t>
    <phoneticPr fontId="67" type="noConversion"/>
  </si>
  <si>
    <t>1/2.8" CMOS, ICR, 2688x1520:30fps, Ultra 265/H.264/MJPEG, Five streams, DC24V, POE, Micro SD card slot,  Alarm in/out 2/1, Audio, -40-65℃, IP66, 33x optical zoom( 4.5~148.5mm), IR range: up to 150m, IR anti-reflection window</t>
    <phoneticPr fontId="67" type="noConversion"/>
  </si>
  <si>
    <t>Pro</t>
    <phoneticPr fontId="67" type="noConversion"/>
  </si>
  <si>
    <t>8MP</t>
    <phoneticPr fontId="67" type="noConversion"/>
  </si>
  <si>
    <t>Utral 265</t>
    <phoneticPr fontId="67" type="noConversion"/>
  </si>
  <si>
    <t>√</t>
    <phoneticPr fontId="67" type="noConversion"/>
  </si>
  <si>
    <t>X</t>
    <phoneticPr fontId="67" type="noConversion"/>
  </si>
  <si>
    <t>1/1</t>
    <phoneticPr fontId="67" type="noConversion"/>
  </si>
  <si>
    <t>2/1</t>
    <phoneticPr fontId="67" type="noConversion"/>
  </si>
  <si>
    <t>120dBWDR, IP66, 38X optical zoom,Built in AI algorithm , EIS(Gyroscope),HLC, optical defog</t>
    <phoneticPr fontId="67" type="noConversion"/>
  </si>
  <si>
    <t>1/1.8" CMOS, ICR, 3840*2160:30fps, Ultra 265/H.264/MJPEG, Triple streams, AC24V/DC24V/PoE(IEEE 802.3bt), Micro SD card slot, Alarm in/out 2/1, Audio, -40-70℃, IP66,  38x optical zoom(5.7 ~ 216.6mm),   IR range: up to 250m, IR anti-reflection window, Optical defog</t>
    <phoneticPr fontId="67" type="noConversion"/>
  </si>
  <si>
    <t>40X</t>
    <phoneticPr fontId="67" type="noConversion"/>
  </si>
  <si>
    <t>7/2</t>
    <phoneticPr fontId="67" type="noConversion"/>
  </si>
  <si>
    <t>LightHunter, 120dBWDR, HLC, IP66, 40X optical zoom, Smart Intrusion Prevention, auto-tracking, Face capture,People counting</t>
    <phoneticPr fontId="67" type="noConversion"/>
  </si>
  <si>
    <t xml:space="preserve">1/1.8" CMOS, ICR, 2688*1520:30fps,  Ultra 265/H.264/MJPEG,Five streams, AC24V/DC24V/PoE(IEEE 802.3bt), Micro SD card slot, Alarm in/out 7/2, Audio, -40-70℃, IP66,  40x optical zoom(5.7~ 228mm),   IR range: up to 250m, IR anti-reflection window, SFP </t>
    <phoneticPr fontId="67" type="noConversion"/>
  </si>
  <si>
    <t>ограничено доступно</t>
  </si>
  <si>
    <t>LightHunter, P66, 25X optical zoom, Smart Intrusion Prevention, auto-tracking, Face capture, People counting</t>
    <phoneticPr fontId="67" type="noConversion"/>
  </si>
  <si>
    <t>1/1.8" CMOS, ICR,3840×2160:30fps, 1920×1080:30fps,Ultra 265/H.264/MJPEG, Triple streams, AC24V/DC24V/P:PoE (PSE Required), Micro SD card slot, Alarm in/out 2/1, Audio in/out 1/1, -40-70℃, IP66,  25x optical zoom(4.5~148.5mm),   IR range: up to 150m, IR anti-reflection window, LightHunter</t>
    <phoneticPr fontId="67" type="noConversion"/>
  </si>
  <si>
    <t>120dBWDR, IP66, 40X optical zoom, Built in AI algorithm , EIS(Gyroscope), wiper, laser, optical defog</t>
    <phoneticPr fontId="67" type="noConversion"/>
  </si>
  <si>
    <t>1/1.8" CMOS, ICR, 2688*1520:60fps,  Ultra 265/H.264/MJPEG, Penta streams, AC24V/DC24V/PoE(IEEE 802.3bt), Micro SD card slot, Alarm in/out 7/2, Audio, -40-70℃, IP66,  40x optical zoom(5.7~ 228mm),   laser distance: 650m, wiper, Optical defog</t>
    <phoneticPr fontId="67" type="noConversion"/>
  </si>
  <si>
    <t>38X</t>
    <phoneticPr fontId="67" type="noConversion"/>
  </si>
  <si>
    <t>120dBWDR, IP66, 38X optical zoom, Built in AI algorithm , EIS(Gyroscope),HLC, optical defog</t>
    <phoneticPr fontId="67" type="noConversion"/>
  </si>
  <si>
    <t>1/1.8" CMOS, ICR, 2688*1520:60fps,  Ultra 265/H.264/MJPEG, Triple streams, AC24V/DC24V/PoE(IEEE 802.3bt), Micro SD card slot, Alarm in/out 2/1, Audio, -40-70℃, IP66,  38x optical zoom(5.7~ 216.6mm),   IR range: up to 250m, IR anti-reflection window</t>
    <phoneticPr fontId="67" type="noConversion"/>
  </si>
  <si>
    <t>33x</t>
    <phoneticPr fontId="67" type="noConversion"/>
  </si>
  <si>
    <t>LightHunter, P67, IK10, 33X optical zoom, Smart Intrusion Prevention, auto-tracking, Face capture</t>
    <phoneticPr fontId="67" type="noConversion"/>
  </si>
  <si>
    <t>LightHunter, 120dB WDR, HLC, 33X optical zoom,Smart fuction, EIS, IK10</t>
    <phoneticPr fontId="67" type="noConversion"/>
  </si>
  <si>
    <t>1/2.8" CMOS, ICR, 1920x1080:60fps, Ultra 265/H.264/MJPEG, Triple streams, AC24V/DC24V/PoE, Micro SD card slot, Alarm in/out 2/1, Audio, BNC output, -20-50℃, 33x optical zoom (4.5 ~ 148.5mm)</t>
    <phoneticPr fontId="67" type="noConversion"/>
  </si>
  <si>
    <t>1/2.8" CMOS, ICR, 1920x1080:30fps, Ultra 265/H.264/MJPEG, Triple streams, AC24V/DC24V/PoE, Micro SD card slot, Alarm in/out 2/1, Audio, BNC output, -30-70℃, 33x optical zoom (4.5~148.5 mm),IP66&amp;IK10</t>
    <phoneticPr fontId="67" type="noConversion"/>
  </si>
  <si>
    <t>LightHunter, Laser, HLC, 120dBWDR, IP66, 33X optical zoom, Smart Intrusion Prevention, auto-tracking, Face capture,People counting</t>
    <phoneticPr fontId="67" type="noConversion"/>
  </si>
  <si>
    <t>LightHunter, 120dBWDR, HLC, IP66, 40X optical zoom, Smart Intrusion Prevention, auto-tracking, Face capture, People counting</t>
    <phoneticPr fontId="67" type="noConversion"/>
  </si>
  <si>
    <t>45X</t>
    <phoneticPr fontId="67" type="noConversion"/>
  </si>
  <si>
    <t>LightHunter, 120dBWDR, HLC, IP66, 45X optical zoom, Smart Intrusion Prevention, auto-tracking, Face capture, People counting</t>
    <phoneticPr fontId="67" type="noConversion"/>
  </si>
  <si>
    <t>LightHunter, HLC, IP66, 40X optical zoom, Smart Intrusion Prevention, auto-tracking, Face capture, People counting</t>
    <phoneticPr fontId="67" type="noConversion"/>
  </si>
  <si>
    <t>1/2.8" CMOS, ICR, 1920x1080:60fps, Ultra 265/H.264/MJPEG, Five streams, AC24V/DC24V/P:PoE (PSE Required), Micro SD card slot, Alarm in/out 2/1, Audio, -40-70℃, IP66,  33x optical zoom(4.5 ~ 148.5mm),   VF Laser, Up to 500 m , Ultra low-light(LightHunter)</t>
  </si>
  <si>
    <t>1/1.8" CMOS, ICR, 2688*1520:30fps,  Ultra 265/H.264/MJPEG, Five streams, AC24V/DC24V/PoE(IEEE 802.3bt), Micro SD card slot, Alarm in/out 7/2, Audio, -40-70℃, IP66,  40x optical zoom(5.7~ 228mm),   IR range: up to 250m, IR anti-reflection window</t>
  </si>
  <si>
    <t>1/1.8" CMOS, ICR, 1920*1080:60fps,  Ultra 265/H.264/MJPEG, Five streams, AC24V/DC24V/PoE(IEEE 802.3bt), Micro SD card slot, Alarm in/out 7/2, Audio, -40-70℃, IP66,  45x optical zoom(5.7~ 256.5mm),   IR range: up to 250m, IR anti-reflection window</t>
  </si>
  <si>
    <t>1/1.8" CMOS, ICR, 3840*2160:30fps, Ultra 265/H.264/MJPEG, Triple streams, AC24V/DC24V/PoE(IEEE 802.3bt), Micro SD card slot, Alarm in/out 2/1, Audio, -40-70℃, IP66,  40x optical zoom(5.7~ 228mm),   IR range: up to 250m, IR anti-reflection window, Optical defog</t>
  </si>
  <si>
    <t>1/2.8" CMOS, ICR, 2688*1520:30fps Ultra 265/H.264/MJPEG, Triple streams, AC24V/DC24V/PoE, Micro SD card slot, Alarm in/out 2/1, Audio, BNC output, -30-70℃, 33x optical zoom (4.5~148.5 mm),IP67&amp;IK10</t>
  </si>
  <si>
    <t>1/2.8" CMOS, ICR, 1920x1080:30fps, Ultra 265/H.264/MJPEG, Triple streams, DC12V,POE, Micro SD card slot,  mic&amp;speaker, -20-60℃, IP66, 4x optical zoom( 2.8~ 12mm), IR range: up to 50m</t>
  </si>
  <si>
    <t>Positioning system</t>
    <phoneticPr fontId="67" type="noConversion"/>
  </si>
  <si>
    <t>44x</t>
    <phoneticPr fontId="67" type="noConversion"/>
  </si>
  <si>
    <t>44x Optical zoom,Lighthunter
Smart intrusion prevention, face capture
P67, rain-sensing auto wiper, optical defog</t>
    <phoneticPr fontId="67" type="noConversion"/>
  </si>
  <si>
    <t>1/2.8" CMOS, ICR ,1920×1080:60fps,Ultra 265/H.264/MJPEG, Five streams, AC24V/DC24V/48V DC, Micro SD card slot, Alarm in/out 7/2, Audio, -40-70℃, IP66,  44x optical zoom(5~220mm),   IR range: up to 400m, IR anti-reflection window,</t>
    <phoneticPr fontId="67" type="noConversion"/>
  </si>
  <si>
    <t>5MP Видеокамера WIFI Мини-PTZ, 1/2.7" CMOS, ICR, 2880x1620:30fps, Ultra 265/H.264/MJPEG, Triple streams, DC12V, PoE,wifi, Micro SD card slot,  -10-50℃,5x lens(2.7~ 13.5mm), IR range: up to 30m, Built-in Mic &amp; speaker</t>
  </si>
  <si>
    <t>2MP Видеокамера IP Мини-PTZ, 1/2.8" CMOS, ICR, 1920x1080:30fps, Ultra 265/H.264/MJPEG, Triple streams, DC12V,POE, Micro SD card slot,  mic&amp;speaker, -20-60℃, IP66, 4x optical zoom( 2.8~ 12mm), IR range: up to 50m</t>
  </si>
  <si>
    <t>4MP Видеокамера Lighthunter IP Скоростная поворотная уличная, 1/2.8" CMOS, ICR, 2688x1520:30fps, Ultra 265/H.264/MJPEG, Triple streams, DC12V, POE, Micro SD card slot,  Alarm in/out 2/1, Audio, -40-70℃, IP67, IK10, 25x optical zoom( 4.8~120mm), IR range: up to 100m, IR anti-reflection window</t>
  </si>
  <si>
    <t>2MP Видеокамера Lighthunter IP Скоростная поворотная уличная, 1/2.8" CMOS, ICR, 2688x1520:30fps, Ultra 265/H.264/MJPEG, Five streams, DC24V, POE, Micro SD card slot,  Alarm in/out 2/1, Audio, -40-65℃, IP66, 25x optical zoom( 5~125mm), IR range: up to 150m, IR anti-reflection window</t>
  </si>
  <si>
    <r>
      <t>2MP Видеокамера Lighthunter IP Скоростная поворотная уличная с адаптивной ИК-подсветкой до 150м, с моторизованным вариофокальным объективом 4.5-148,5мм, Starlight, 33Х optical zoom, CMOS 1/2.8", угол обзора 56.2°~ 2.6°, ICR, 1920x1080:</t>
    </r>
    <r>
      <rPr>
        <b/>
        <sz val="9"/>
        <color rgb="FFFF0000"/>
        <rFont val="Calibri"/>
        <family val="2"/>
        <scheme val="minor"/>
      </rPr>
      <t>60fps</t>
    </r>
    <r>
      <rPr>
        <sz val="9"/>
        <rFont val="Calibri"/>
        <family val="2"/>
        <scheme val="minor"/>
      </rPr>
      <t xml:space="preserve">, пять видеопотоков: основной поток: 2MP(1920*1080),Max 60fps; дополнительный поток: 2MP (1920*1080), Max 60fps;  третий поток: D1 (720*576), Max 60fps; четвертый: D1 (720*576), Max 60fps; пятый: D1 (720*576), Max 60fps, Ultra 265/H.264/MJPEG, WDR 120dB, 0.001 Lux минимальная освещенность (F1.5, AGC ON), cлот micro SD (256Gb), тревожные ввод/вывод 2/1, Audio ввод/вывод 1/1.   Smart функции - Support false alarm filtering：Line crossing detection, Intrusion detection, Region entrance detection, Region exit detection; Face capture; Motion detection, Audio detection, Tampering Alarm; Watermark, IP Address Filtering, Alarm input, Alarm output, Access Policy, ARP Protection, RTSP Authentication, User Authentication. Диапазон панорамирования 360°; Скорость панорамирования  0,1 ° / с ~ 240 ° / с, Предустановленная скорость: 300 ° / с, Диапазон наклона  -15 ° ~ + 90 ° (автоматический реверс), Скорость наклона  0.1° ~ 160°/s, Предустановленная скорость: 240 ° / с, кнопка сброса, 6KV, IP66, -40°C до +65°C;  AC 24V±25%, DC 24V±25%, PoE (требуется PSE-отдельный PoE-инжектор). Потребляемая мощность: макс. 48 Вт,  Ø227 x 359.4мм, 5,3 кг. </t>
    </r>
  </si>
  <si>
    <t>4MP Видеокамера Lighthunter IP Скоростная поворотная уличная, 1/2.8" CMOS, ICR, 2688x1520:30fps, Ultra 265/H.264/MJPEG, Five streams, DC24V, POE, Micro SD card slot,  Alarm in/out 2/1, Audio, -40-65℃, IP66, 33x optical zoom( 4.5~148.5mm), IR range: up to 150m, IR anti-reflection window</t>
  </si>
  <si>
    <t>2Мп Видеокамера IP Скоростная поворотная уличная с моторизованным вариофокальным объективом 4.5-148.5мм, 33Х optical zoom, 1/2.8" CMOS, ICR, 1920x1080:30fps, Ultra 265/H.264/MJPEG, Triple streams, AC24V/DC24V/PoE, Micro SD card slot, Alarm in/out 2/1, Audio, BNC output, -20-50℃, 33x optical zoom (4.5 ~ 148.5mm)</t>
  </si>
  <si>
    <t>2Мп Видеокамера IP Скоростная поворотная уличная с моторизованным вариофокальным объективом 4.5-148.5мм, 33Х optical zoom, UNV 2MP 33x Starlight Network PTZ Dome Camera(5 Inch,H.265,RJ45,Alarm,Audio) 1/2.8" CMOS, ICR, 1920x1080:30fps, Ultra 265/H.264/MJPEG, Triple streams, AC24V/DC24V/PoE, Micro SD card slot, Alarm in/out 2/1, Audio, BNC output, -30-70℃, 33x optical zoom (4.5~148.5 mm),IP66&amp;IK10</t>
  </si>
  <si>
    <t>4Мп Видеокамера IP Скоростная поворотная уличная, 1/2.8" CMOS, ICR, 2688*1520:30fps Ultra 265/H.264/MJPEG, Triple streams, AC24V/DC24V/PoE, Micro SD card slot, Alarm in/out 2/1, Audio, BNC output, -30-70℃, 33x optical zoom (4.5~148.5 mm),IP67&amp;IK10</t>
  </si>
  <si>
    <t>4MP Видеокамера IP Скоростная поворотная уличная с адаптивной ИК-подсветкой до 250м, с моторизованным вариофокальным объективом 5.7-216.6мм, 38Х optical zoom, 4M 1/1.8" CMOS, ICR,Main Stream: 4MP (2688*1520), Max 60fps;Sub Stream: 2MP (1920*1080), Max 60fps; Third Stream: D1 (720*576), Max 60fps, 0.0005Lux (F1.3, AGC ON), Ultra 265/H.264/MJPEG, Triple streams, AC24V/DC24V, Micro SD card slot, Alarm in/out 2/1, Audio, BNC output, -40-70℃, IP66,  38x optical zoom(5.7 ~ 216.6mm),   IR range: up to 250m, IR anti-reflection window, Ultra low-light(Starlight)</t>
  </si>
  <si>
    <t xml:space="preserve">4MP Видеокамера IP Скоростная поворотная уличная, 1/1.8" CMOS, ICR, 2688*1520:30fps,  Ultra 265/H.264/MJPEG,Five streams, AC24V/DC24V/PoE(IEEE 802.3bt), Micro SD card slot, Alarm in/out 7/2, Audio, -40-70℃, IP66,  40x optical zoom(5.7~ 228mm),   IR range: up to 250m, IR anti-reflection window, SFP </t>
  </si>
  <si>
    <t>8MP Видеокамера IP Скоростная поворотная уличная, 1/1.8" CMOS, ICR, 3840*2160:30fps, Ultra 265/H.264/MJPEG, Triple streams, AC24V/DC24V/PoE(IEEE 802.3bt), Micro SD card slot, Alarm in/out 2/1, Audio, -40-70℃, IP66,  40x optical zoom(5.7~ 228mm),   IR range: up to 250m, IR anti-reflection window, Optical defog</t>
  </si>
  <si>
    <t>4MP Видеокамера IP Скоростная поворотная уличная, 1/1.8" CMOS, ICR, 2688*1520:30fps,  Ultra 265/H.264/MJPEG, Five streams, AC24V/DC24V/PoE(IEEE 802.3bt), Micro SD card slot, Alarm in/out 7/2, Audio, -40-70℃, IP66,  40x optical zoom(5.7~ 228mm),   IR range: up to 250m, IR anti-reflection window</t>
  </si>
  <si>
    <t>2MP Видеокамера IP Скоростная поворотная уличная, 1/1.8" CMOS, ICR, 1920*1080:60fps,  Ultra 265/H.264/MJPEG, Five streams, AC24V/DC24V/PoE(IEEE 802.3bt), Micro SD card slot, Alarm in/out 7/2, Audio, -40-70℃, IP66,  45x optical zoom(5.7~ 256.5mm),   IR range: up to 250m, IR anti-reflection window</t>
  </si>
  <si>
    <t>8MP Видеокамера IP Скоростная поворотная уличная с адаптивной ИК-подсветкой до 250м, с моторизованным вариофокальным объективом 5.7-216.6мм, 38Х optical zoom, 8Мп, 1/1.8" CMOS, ICR, 3840*2160:30fps, H.264/MJPEG, Triple streams, AC24V/DC24V, Micro SD card slot, Alarm in/out 2/1, Audio, BNC output, -40-70℃, IP66,  38x optical zoom(5.7 ~ 216.6mm),   IR range: up to 250m, IR anti-reflection window</t>
  </si>
  <si>
    <t>8MP Видеокамера IP Скоростная поворотная уличная, 1/1.8" CMOS, ICR,3840×2160:30fps, 1920×1080:30fps,Ultra 265/H.264/MJPEG, Triple streams, AC24V/DC24V/P:PoE (PSE Required), Micro SD card slot, Alarm in/out 2/1, Audio in/out 1/1, -40-70℃, IP66,  25x optical zoom(4.5~148.5mm),   IR range: up to 150m, IR anti-reflection window, LightHunter</t>
  </si>
  <si>
    <t>4MP Видеокамера IP Скоростная поворотная уличная , 1/1.8" CMOS, ICR, 2688*1520:60fps,  Ultra 265/H.264/MJPEG, Penta streams, AC24V/DC24V/PoE(IEEE 802.3bt), Micro SD card slot, Alarm in/out 7/2, Audio, -40-70℃, IP66,  40x optical zoom(5.7~ 228mm),   laser distance: 650m, wiper</t>
  </si>
  <si>
    <t>2MP Видеокамера IP Скоростная поворотная уличная, 1/2.8" CMOS, ICR, 1920x1080:60fps, Ultra 265/H.264/MJPEG, Five streams, AC24V/DC24V/P:PoE (PSE Required), Micro SD card slot, Alarm in/out 2/1, Audio, -40-70℃, IP66,  33x optical zoom(4.5 ~ 148.5mm),   VF Laser, Up to 500 m , Ultra low-light(LightHunter)</t>
  </si>
  <si>
    <t>2MP IP поворотная платформа  - PTZ-44X оптическое увеличение, 1/2.8" CMOS, ICR ,1920×1080:60fps,Ultra 265/H.264/MJPEG, Five streams, AC24V/DC24V/48V DC, Micro SD card slot, Alarm in/out 7/2, Audio, -40-70℃, IP66,  44x optical zoom(5~220mm),   IR range: up to 400m, IR anti-reflection window,</t>
  </si>
  <si>
    <t>2MP IP поворотная платформа  - PTZ-44X оптическое увеличение, Starlight, 300m IR, Gyroscope. Positioning system for boarder, express way, city road system.
1/2.8" CMOS, ICR ,1920×1080:60fps,Ultra 265/H.264/MJPEG, Triple streams, AC24V/DC24V/48V DC, Micro SD card slot, Alarm in/out 7/2, Audio, -40-70℃, IP66,  44x optical zoom(5~220mm),   IR range: up to 300m, IR anti-reflection window</t>
  </si>
  <si>
    <t>2MP IP поворотная платформа  - PTZ-55X оптическое увеличение (6.4~352mm), Starlight, 1 км IR laser, Optical defog, Auto wiper(Rain sensor), Gyroscope, Gradienter, 7/2 alarm in/out.  Positioning system for boarder, express way, city road system.
1/2.8" CMOS, ICR ,1920×1080:60fps,Ultra 265/H.264/MJPEG, Triple streams, AC24V/DC24V/48V DC, Micro SD card slot, Alarm in/out 7/2, Audio, -40-70℃, IP66,  55x optical zoom(6.4~352mm),   Laser range: up to 1000m, IR anti-reflection window</t>
  </si>
  <si>
    <t>4MP IP поворотная платформа  - PTZ-55x Optical zoom,Lighthunter, HLC, EIS(Gyroscope),Built in AI algorithm, IP66,  rain-sensing auto wiper, 1/1.8" CMOS, ICR ,2688×1520:30fps,Ultra 265/H.264/MJPEG, Penta streams, AC24V/DC24V/48V DC, Micro SD card slot, Alarm in/out 7/2, Audio, -40-70℃, IP66,  55x optical zoom(6.0~330mm),   IR range: up to 400m, IR anti-reflection window</t>
  </si>
  <si>
    <t>Сетевая тепловизионная гибридная PTZ видеокамера, Оптический модуль Матрица 1/1.8", progressive scan, 4.0 megapixel, CMOS
Объектив 5.7 ~ 216.6мм, моторизованный с автофокусировкой, DORI расстояние Объектив（мм） Обнаружение (м) Наблюдение (м) Распознавание (м) Идентификация (м)  5.7 97.5 39 19.5 9.8  216.6 3030 1212 606 303 Угол обзора (гор.) 7.5° Угол обзора (верт.) 5.8°  Затвор Авто/Ручной: 1~1/100000 s Минимальная освещённость Цвет: 0.0005 люкс (F1.3) 0 люкс с ИК-подсветкой День/Ночь Автоматически переключаемый ИК-фильтр (ICR) Шумоподавление 2D/3D DNR Отношение сигнал/шум &gt;55dB Антитуман Оптический и цифровой Динамический диапазон 120dB Тепловизионный модуль Тип сенсора Неохлаждаемый микроболометр  Разрешение 384*288 Видеоформат 720P (1280*720), 30 кадров/сек. Размер пикселя 17μm Диапазон длин волн 8~14μm
NETD ≤50mk Объектив 50mm Фокус Автоматический, полуавтоматический, ручной Палитра До 20 палитр дополнительного цвета отображения.
Дистанция обнаружения Автомобиля: 4000м (целевой размер 4мx1.8м); человека: 1500м (целевой размер 1.8мx0.6м); огня: 3000м (целевой размер 2мx2м) 
Дистанция распознавания Автомобиля: 1000м (целевой размер 4мx1.8м); человека: 400м (целевой размер 1.8мx0.6м); огня: 750м (целевой размер 2мx2м)
Дистанция идентификации Автомобиля: 658м (целевой размер 4мx1.8м); человека: 255м (целевой размер 1.8мx0.6м); огня: 490м (целевой размер 2мx2м)
Видео
Сжатие Ultra265, H.264, MJPEG
H.264 профиль Baseline profile, Main Profile, High Profile
Частота кадров Основной поток: (2560×1440): до 60 кадров/сек.;
Дополнительный поток: (1920×1080): до 60 кадров/сек.;
Третий поток: D1(720 x 576): до 60 кадров/сек.
HLC Поддерживается
BLC Поддерживается
OSD До 8 OSD
ROI До 8 зон
Маска приватности До 24 зон
Детектор движения До 4 зон
Основные функции Водяной знак, фильтрация IP адресов, оповещение о несанкционированных действиях, тревожный вход, тревожный выход, политики доступа, ARP защита, RTSP аутентификация, авторизации пользователей
Аудио
Audio сжатие G.711
Двустороннее аудио Поддерживается
Шумоподавление Поддерживается
Частота дискредитации 8 KHZ
Хранение
Локальное хранение Micro SD, up to 256GB
Сетевое хранение ANR
Сеть
Протоколы IPv4, IGMP, ICMP, ARP, TCP, UDP, DHCP, PPPoE, RTP, RTSP, RTCP, DNS, DDNS, NTP, FTP, UPnP, HTTP, HTTPS, SMTP, 802.1x, SNMP, QoS
Совместимость ONVIF (Profile S, Profile G, Profile T), API
Панорамирование и наклон
Угол вращения 360° (без ограничений)
Скорость вращения 0.1° ~ 74°/сек.
 По предустановке: 300°/сек.
Угол наклона -15° ~ 90° (автореверс)
Скорость наклона 0.1° ~ 74°/сек.
 По предустановке: 240°/сек.
Число предустановок 1024
Патрулирование Предустановка, маршрут, запись маршрута
Позиция домой Поддерживается
Интерфейсы
Аудиовход/выход Аудиокабель
 Вход: сопротивление 1kΩ; амплитуда 2V [p-p]
 Выход: сопротивление 600Ω; амплитуда 2V [p-p]
Тревожный вход/выход 2/1
Последовательный порт 1 RS485
Встроенный микрофон N/A
Аналоговый видеовыход N/A
Сеть 1 RJ45 10M / 100M Base-TX Ethernet+1 100M/1000M SFP
Основное
Питание AC 24V, DC 24V ±25%
 Потребляемая мощность: Макс. 61.5 Вт.
Размеры (Φ × В) Φ270мм × 496.7мм
Вес 10.21кг.
Рабочая температура -40°C~70°C, влажность: ≤95% отн.
IP IP66
Кнопка сброса Наличие</t>
  </si>
  <si>
    <t>Positioning system</t>
  </si>
  <si>
    <t>120dB WDR, IP67, HLC, LightHunter，50m IR,Built in AI algorithm</t>
  </si>
  <si>
    <t>1/2.7" CMOS, ICR, 5MP(2592*1944),Max 20fps; 4MP(2560*1440),Max 30fps Ultra 265/H.264/MJPEG, Triple streams, DC12V &amp; PoE, IP67, Fixed lens(2.8mm, 4.0mm), IR range: up to 30m,, Micro SD card slot,  120dB WDR，Bulit-in Mic,IR anti-reflection window,LightHunter: 0.003 Lux min. illumination</t>
  </si>
  <si>
    <t>IPC3615SS-ADF28KM-I0-RU</t>
  </si>
  <si>
    <t>IPC3615SS-ADF40KM-I0-RU</t>
  </si>
  <si>
    <t>IPC2125SS-ADF28KM-I0-RU</t>
  </si>
  <si>
    <t>IPC2125SS-ADF40KM-I0-RU</t>
  </si>
  <si>
    <t>IPC325SS-DF28K-I0-RU</t>
  </si>
  <si>
    <t>IPC325SS-DF40K-I0-RU</t>
  </si>
  <si>
    <t>1/2.7" CMOS, ICR, 2592*1944: 20fps; 2560*1440: 30fps, Ultra 265/H.264/MJPEG, Triple streams, DC12V &amp; PoE, IP67, Fixed lens(2.8mm, 4.0mm), IR range: up to 50m,, Micro SD card slot,  120dB WDR，Bulit-in Mic,IR anti-reflection window, Bulit-in bracket，LightHunter: 0.003 Lux min. illumination</t>
  </si>
  <si>
    <t>1/2.7" CMOS, ICR, 5MP(2592*1944),Max 20fps; 4MP(2560*1440),Max 30fps; Ultra 265/H.264/MJPEG, Triple streams, DC12V &amp; PoE, IP67&amp;IK10, Fixed lens(2.8mm, 4.0mm),, Micro SD card slot,  120dB WDR，Alarm in/out 1/1, Audio in/out  1/1, IP67 &amp; IK10, IR range: up to 30m,  3-Axis，LightHunter: 0.003 Lux min. illumination</t>
  </si>
  <si>
    <t>IPC328SS-DF28K-I0-RU</t>
  </si>
  <si>
    <t>IPC328SS-DF40K-I0-RU</t>
  </si>
  <si>
    <t>IPC3618SS-ADF28KM-I0-RU</t>
  </si>
  <si>
    <t>IPC3618SS-ADF40KM-I0-RU</t>
  </si>
  <si>
    <t>1/2.7" CMOS, ICR, 3840×2160: 20fps; Ultra 265/H.264/MJPEG, Triple streams, DC12V &amp; PoE, IP67&amp;IK10, Fixed lens(2.8mm, 4.0mm),, Micro SD card slot,  120dB WDR，Alarm in/out 1/1, Audio in/out  1/1, IP67 &amp; IK10, IR range: up to 30m,  3-Axis，LightHunter: 0.003 Lux min. illumination</t>
  </si>
  <si>
    <t>1/2.7" CMOS, ICR, 3840×2160: 20fps;  Ultra 265/H.264/MJPEG, Triple streams, DC12V &amp; PoE, IP67, Fixed lens(2.8mm, 4.0mm), IR range: up to 30m,, Micro SD card slot,  120dB WDR，Bulit-in Mic,IR anti-reflection window,LightHunter: 0.003 Lux min. illumination</t>
  </si>
  <si>
    <t>Видеокамера IP цилиндрическая, 1/2.8“ CMOS, ICR, 1920*1080 60fps,Ultra 265/H.264/MJPEG, five streams, AC24V&amp; DC12V &amp; PoE, Micro SD card slot, IP67&amp;IK10,Alarm 2/1, Audio1/1, 120dB WDR, 5-50mm F1.6 Motorized lens, IR range: up to 100m, 3-Axis, Lighthunter: 0.002Lux min. illumination</t>
  </si>
  <si>
    <t>2.7-13.5mm, Motorized</t>
  </si>
  <si>
    <t>120dB WDR,IP67&amp;IK10, HLC, LightHunter，50m IR,Built in AI algorithm</t>
  </si>
  <si>
    <t>120dB WDR,IP67&amp;IK10, HLC, LightHunter，40m IR,Built in AI algorithm</t>
  </si>
  <si>
    <t>Видеокамера IP уличная цилиндрическая 4 Мп с ИК подсветкой до 100 м., моторизированный объектив 2.8-12мм, 1/1.8“ CMOS, ICR, 2688*1520 60fps,Ultra 265/H.264/MJPEG, Triple streams, AC24V&amp; DC12V &amp; PoE, Micro SD card slot, IP67&amp;IK10,Alarm 2/1, Audio1/1, 120dB WDR, 2.8-12mm F1.2 Motorized lens, IR range: up to 100m, 3-Axis, Lighthunter: 0.0005Lux min. illumination</t>
  </si>
  <si>
    <t>Видеокамера IP уличная цилиндрическая, 1/1.8" CMOS, ICR, 4MP (2688*1520), Max 30fps; Ultra 265/H.265/H.264/MJPEG, Triple streams ,DC12V &amp; PoE, 120dB WDR, 2.8-12 mm motorized lens, IR range: up to 80m， Micro SD card slot，0.0005 Lux min. Illumination</t>
  </si>
  <si>
    <t>Видеокамера IP уличная цилиндрическая, 1/1.8“ CMOS, ICR, 2688*1520 30fps,Ultra 265/H.264/MJPEG, Five streams, SFP, AC24V&amp; DC12V &amp; PoE, Micro SD card slot, IP67,Alarm 2/1, Audio1/1, 120dB WDR, 6.5-143mm F1.2 Motorized lens, IR range: up to 150m, 3-Axis, Lighthunter: 0.001Lux min. illumination</t>
  </si>
  <si>
    <t>1/1.8“ CMOS, ICR, 2688*1520 30fps,Ultra 265/H.264/MJPEG, Five streams, SFP, AC24V&amp; DC12V &amp; PoE, Micro SD card slot, IP67,Alarm 2/1, Audio1/1, 120dB WDR, 6.5-143mm F1.2 Motorized lens, IR range: up to 150m, 3-Axis, Lighthunter: 0.001Lux min. illumination</t>
  </si>
  <si>
    <t>1/2.7" CMOS, ICR, 5MP(2592*1944),Max 20fps; Ultra 265/H.264/MJPEG,  Triple streams, DC12V &amp; PoE,  Micro SD card slot, Alarm in/out 1/1, Audio in/out 1/1, IP67&amp;IK10, 2.7-13.5mm F1.2 Motorized lens, IR anti-reflection window,IR range: up to 40m，LightHunter: 0.002 Lux min. illumination</t>
  </si>
  <si>
    <t>Видеокамера IP купольная антивандальная, 1/2.7" CMOS, ICR, 5MP(2592*1944),Max 20fps; Ultra 265/H.264/MJPEG,  Triple streams, DC12V &amp; PoE,  Micro SD card slot, Alarm in/out 1/1, Audio in/out 1/1, IP67&amp;IK10, 2.7-13.5mm F1.2 Motorized lens, IR anti-reflection window,IR range: up to 40m，LightHunter: 0.002 Lux min. illumination</t>
  </si>
  <si>
    <t>Видеокамера IP купольная, 1/2.7" CMOS, ICR, 2880*1620: 25fps, Ultra 265/H.264/MJPEG, Two streams,   DC12V &amp; PoE, WDR,  IP67,  2.8-12mm, motorized zoom lens ,IR range: up to 40m.  3-Axis</t>
  </si>
  <si>
    <t>Видеокамера IP купольная антивандальная, 1/2.7" CMOS, ICR, 2880*1620: 25fps, Ultra 265/H.264/MJPEG, Two streams,   DC12V &amp; PoE, WDR,  IP67, IK10, 2.8-12mm, motorized zoom lens ,IR range: up to 40m.  3-Axis</t>
  </si>
  <si>
    <t>1/2.7" CMOS, ICR, 5MP(2592*1944),Max 20fps; Ultra 265/H.264/MJPEG,  Triple streams, DC12V &amp; PoE,  Micro SD card slot, Alarm in/out 1/1, Audio in/out 1/1, IP67&amp;IK10, 2.7-13.5mm F1.2 Motorized lens, IR anti-reflection window, Bulit-in bracket, IR range: up to 50m，LightHunter: 0.002 Lux min. illumination</t>
  </si>
  <si>
    <t>Видеокамера IP уличная цилиндрическая антивандальная, 1/2.7" CMOS, ICR, 5MP(2592*1944),Max 20fps; Ultra 265/H.264/MJPEG,  Triple streams, DC12V &amp; PoE,  Micro SD card slot, Alarm in/out 1/1, Audio in/out 1/1, IP67&amp;IK10, 2.7-13.5mm F1.2 Motorized lens, IR anti-reflection window, Bulit-in bracket, IR range: up to 50m，LightHunter: 0.002 Lux min. illumination</t>
  </si>
  <si>
    <t>Видеокамера IP купольная антивандальная, 1/2.8" CMOS, ICR,(2592*1944),Max 20fps; 2560*1440: 30fps,Ultra 265/H.264/MJPEG,  Triple streams, DC12V &amp; PoE,  Micro SD card slot, Bulit-in Mic, IP67&amp;IK10, 2.7-13.5mm F1.2 Motorized lens, IR anti-reflection window, IR range: up to 40m，LightHunter: 0.002 Lux min. illumination</t>
  </si>
  <si>
    <t>1/2.8" CMOS, ICR,(2592*1944),Max 20fps; 2560*1440: 30fps,Ultra 265/H.264/MJPEG,  Triple streams, DC12V &amp; PoE,  Micro SD card slot, Bulit-in Mic, IP67&amp;IK10, 2.7-13.5mm F1.2 Motorized lens, IR anti-reflection window, IR range: up to 40m，LightHunter: 0.002 Lux min. illumination</t>
  </si>
  <si>
    <t>Видеокамера IP уличная цилиндрическая, 1/2.7" CMOS, ICR, 2880*1620: 25fps, Ultra 265/H.264/MJPEG, Two streams,   DC12V &amp; PoE, WDR,  IP67, 2.8-12mm,motorized zoom lens ,IR range: up to 50m.  3-Axis</t>
  </si>
  <si>
    <t>SATA</t>
  </si>
  <si>
    <t>Video
Input</t>
  </si>
  <si>
    <t>Incoming
Bandwidth</t>
  </si>
  <si>
    <t>Decoding
Abililty</t>
  </si>
  <si>
    <t>Network
Interface</t>
  </si>
  <si>
    <t>Audio In/Out</t>
  </si>
  <si>
    <t>Alarm In/Out</t>
  </si>
  <si>
    <t>Case</t>
  </si>
  <si>
    <t>4-ch, 1 SATA interface, 4 PoE, Mini 1U, H.265&amp;4K</t>
  </si>
  <si>
    <t>80Mbps</t>
  </si>
  <si>
    <t>8 x 1080P@30
4 x 4MP@30
2 x 4K@30</t>
  </si>
  <si>
    <t xml:space="preserve">1U </t>
  </si>
  <si>
    <t>Видеорегистратор IP 4-х канальный с 4 POE портами. 4-ch, 1 SATA interface, 4 PoE, Mini 1U, H.265&amp;4K</t>
  </si>
  <si>
    <t>Видеорегистратор IP 4-х канальный. 4-ch, 1 SATA interface, 4 PoE, Mini 1U, H.265&amp;4K</t>
  </si>
  <si>
    <t>16-ch, 4 SATA interface, 1U, H.265&amp;4K, Dual Network interface</t>
  </si>
  <si>
    <t>160Mbps</t>
  </si>
  <si>
    <t>Видеорегистратор IP 16-ти канальный. 16-ch, 4 SATA interface, 1U, H.265&amp;4K, Dual Network interface</t>
  </si>
  <si>
    <t>16-ch, 4 SATA interface, 1.5U, H.265&amp;4K, 16 PoE</t>
  </si>
  <si>
    <t>16/4</t>
  </si>
  <si>
    <t>1.5U</t>
  </si>
  <si>
    <t>16-ch, 8 SATA interface, 2U, H.265&amp;4K, Dual Network interface, RAID0/1/5/6/10</t>
  </si>
  <si>
    <t>16 x 1080P@30
8 x 4MP@30
4 x 4K@30</t>
  </si>
  <si>
    <t>Prime</t>
  </si>
  <si>
    <t>32-ch, 8 SATA interface, 2U, H.265&amp;4K, Dual Network interface, RAID0/1/5/6/10</t>
  </si>
  <si>
    <t>Видеорегистратор IP 32-х канальный. 32-ch, 8 SATA interface, 2U, H.265&amp;4K, Dual Network interface, RAID0/1/5/6/10</t>
  </si>
  <si>
    <t>Видеорегистратор IP 16-ти канальный. 16-ch, 8 SATA interface, 2U, H.265&amp;4K, Dual Network interface, RAID0/1/5/6/10</t>
  </si>
  <si>
    <t>64-ch, 16 SATA interface, 3U, H.265&amp;4K, 4 Network interface, 2 SFP interface, RAID0/1/5/10/50/60, Hard disk hot swap on front panel, Redundant power supply(opitional), Up to 14 HDMI output(optional), 2 miniSAS ports</t>
  </si>
  <si>
    <t>16 x 1080P@30
4 x 4K@30
(up to 112 x 1080P with decoding card optional)</t>
  </si>
  <si>
    <t>128-ch, 16 SATA interface, 3U, H.265&amp;4K, 4 Network interface, 2 SFP interface, RAID0/1/5/10/50/60, Hard disk hot swap on front panel,Redundant power supply(opitional), Up to 14 HDMI output(optional), 2 miniSAS ports</t>
  </si>
  <si>
    <t>128-ch, 24 SATA interface, 4U, H.265&amp;4K, 4 Network interface, RAID0/1/5/10/50/60, Redundant power supply(opitional), 2 miniSAS ports, 4 extension boards, 1 eSATA</t>
  </si>
  <si>
    <t>768Mbps</t>
  </si>
  <si>
    <t>24 x 1080P@25
20 x 1080P@30
5 x 4K@30</t>
  </si>
  <si>
    <t>4U</t>
  </si>
  <si>
    <t>256-ch, 24 SATA interface, 4U, H.265&amp;4K, 4 Network interface, RAID0/1/5/10/50/60, Redundant power supply(opitional), 2 miniSAS ports, 4 extension boards, 1 eSATA</t>
  </si>
  <si>
    <t>250-dev, 500-ch, Unified management of  IPC, NVR, face recognition terminal, decoder, network keyboard, alarm controller, access controller, cloud devices.</t>
  </si>
  <si>
    <t>1000-dev, 2000-ch, Unified management of  IPC, NVR, face recognition terminal, decoder, network keyboard, alarm controller, access controller, cloud devices.</t>
  </si>
  <si>
    <t>2000-dev, 10000-ch, Unified management of  IPC, NVR, decoder, network keyboard, alarm controller, access controller, cloud devices.</t>
  </si>
  <si>
    <t>Видеокамера IP купольная антивандальная 4 Мп с ИК подсветкой до 40 м., моторизированный объектив 2.8-12мм,  1/1.8“ CMOS, ICR, 2688*1520 60fps,Ultra 265/H.264/MJPEG, Triple streams, AC24V&amp; DC12V &amp; PoE, Micro SD card slot, IP67&amp;IK10,Alarm 1/1, Audio1/1, 120dB WDR, 2.8-12mm F1.2 Motorized lens, IR range: up to 40m, 3-Axis, Lighthunter: 0.0005Lux min. illumination</t>
  </si>
  <si>
    <t>Видеокамера IP купольная антивандальная, 1/1.8" CMOS, ICR, 4MP (2688*1520), Max 30fps;Ultra 265/H.265/H.264/MJPEG, Triple streams ,DC12V &amp; PoE, 120dB WDR, 2.8-12 mm motorized lens, IR range: up to 40m， Micro SD card slot，0 Lux min. Illumination</t>
  </si>
  <si>
    <t>Видеокамера IP купольная антивандальная, 1/1.8" CMOS, ICR, 4MP (2688*1520), Max 30fps; Ultra 265/H.265/H.264/MJPEG, Triple streams ,DC12V &amp; PoE, 120dB WDR, 2.8-12 mm motorized lens, IR range: up to 40m， Micro SD card slot，0.0005 Lux min. Illumination</t>
  </si>
  <si>
    <t>Видеокамера IP купольная 4 Мп с ИК подсветкой до 40 м., моторизированный объектив 2.8-12мм, 1/1.8“ CMOS, ICR, 2688*1520 30fps,Ultra 265/H.264/MJPEG, Triple streams, AC24V&amp; DC12V &amp; PoE, Micro SD card slot, IP67,IK10,Alarm in/out 1/1, Audio, 120dB WDR, 2.8-12mm F1.2 Motorized lens, IR range: up to 40m, 3-Axis, Lighthunter: 0.0005Lux min. illumination</t>
  </si>
  <si>
    <t>Видеокамера IP уличная цилиндрическая LightHunter Deep Learning  4 Мп с ИК подсветкой до 50 м., моторизированный объектив 2.8-12мм, 1/1.8“ CMOS, ICR, 2688*1520 30fps,Ultra 265/H.264/MJPEG, Triple streams, AC24V&amp; DC12V &amp; PoE, Micro SD card slot, IP67,Alarm in/out 2/1, Audio, 120dB WDR, 2.8-12mm F1.2 Motorized lens, IR range: up to 50m, 3-Axis, Lighthunter: 0.0005Lux min. illumination</t>
  </si>
  <si>
    <t>Видеокамера IP купольная антивандальная 3 Мп с ИК подсветкой до 30м, фикс. объектив 2.8/4.0 мм 1/2,7" CMOS, угол обзора 112.9°/91.2°, ICR,  два видеопотока - основной: 3MP (2304*1296), Max 30fps; 1080P (1920*1080), Max 30fps; 720P (1280*720), Max 30fps, дополнителный поток: 720P (1280*720), Max 30fps; D1 (720*576), Max 30fps; 640*360,Max 30fps; 2CIF(704*288), Max 30fps; CIF(352*288), Max 30fps;  DWDR, Ultra 265/H.264/MJPEG, ICR, 0.01Lux минимальная освещенность, слот карты памяти - micro SD до 128 Гб, режим коридора, IP67, IK10, 2KV; -40°C до +60°C; 12V, PoE (IEEE802.3 af), Потребляемая мощность: макс. 4 Вт. 0.45кг  Металлическое основание. Обнаружение человеческа, вторжение, детекция движения - до 4 обл., OSD до 4 обл., приватность - до 4 обл., ROI -  до 8 обл.</t>
  </si>
  <si>
    <t>Видеокамера IP купольная 3 Мп с ИК подсветкой до 30м, фикс. объектив 2.8/4.0 мм 1/2,7" CMOS,  угол обзора 112.9°/91.2°, ICR, два видеопотока - Main Stream: 3MP (2304*1296), Max 30fps; 1080P (1920*1080), Max 30fps; 720P (1280*720), Max 30fps Sub Stream: 720P (1280*720), Max 30fps; D1 (720*576), Max 30fps; 640*360,Max 30fps; 2CIF(704*288), Max 30fps; CIF(352*288), Max 30fps; DWDR, Ultra 265/H.264/MJPEG, ICR, 0.01Lux минимальная освещенность, встроенный микрофон, слот карты памяти - micro SD до 128 Гб, IP67; -40°C до +60°C; 12V, PoE (IEEE802.3 af), 2KV, Потребляемая мощность: макс. 4 Вт. 0.33кг  Металлическое основание. Обнаружение человеческа, вторжение, детекция движения - до 4 обл., OSD до 4 обл., приватность - до 4 обл., ROI -  до 8 обл.</t>
  </si>
  <si>
    <t>Видеокамера IP купольная 4 Мп 1/1.8“ CMOS, ICR, 2688*1520 30fps,Ultra 265/H.264/MJPEG, Triple streams,DC12V &amp; PoE, Micro SD card slot, IP67&amp;IK10 ,Alarm in/out 1/1, Audio in/out 1/1, 120dB WDR,  IR range: up to 40m, 3-Axis, Lighthunter: 0.001Lux min. illumination</t>
  </si>
  <si>
    <t>Видеокамера IP купольная антивандальная, 1/2.7" CMOS, ICR, 2880x1620:25fps,Ultra 265/H.265/H.264/MJPEG, Double stream,   DC12V &amp; PoE,Fixed lens 2.8mm,4mm, IR range: up to 30m. , 3-axis   EasyStar: 0.003 Lux min. illumination</t>
  </si>
  <si>
    <t>Видеокамера IP купольная, 1/2.7" CMOS, ICR, 2880x1620:25fps,Ultra 265/H.265/H.264/MJPEG, Double stream,   DC12V &amp; PoE,Fixed lens 2.8mm,4mm, IR range: up to 30m. , 3-axis   EasyStar: 0.003 Lux min. illumination</t>
  </si>
  <si>
    <t>Видеокамера IP купольная антивандальная, 1/2.7" CMOS, ICR, 5MP(2592*1944),Max 20fps; 4MP(2560*1440),Max 30fps; Ultra 265/H.264/MJPEG, Triple streams, DC12V &amp; PoE, IP67&amp;IK10, Fixed lens(2.8mm, 4.0mm),, Micro SD card slot,  120dB WDR，Alarm in/out 1/1, Audio in/out  1/1, IP67 &amp; IK10, IR range: up to 30m,  3-Axis，LightHunter: 0.003 Lux min. illumination</t>
  </si>
  <si>
    <t>Видеокамера IP купольная, 1/2.7" CMOS, ICR, 5MP(2592*1944),Max 20fps; 4MP(2560*1440),Max 30fps Ultra 265/H.264/MJPEG, Triple streams, DC12V &amp; PoE, IP67, Fixed lens(2.8mm, 4.0mm), IR range: up to 30m,, Micro SD card slot,  120dB WDR，Bulit-in Mic,IR anti-reflection window,LightHunter: 0.003 Lux min. illumination</t>
  </si>
  <si>
    <t>Видеокамера IP купольная антивандальная 5 Мп с ИК подсветкой до 30 м., фикс.  объектив 2.8мм/ 4мм, 1/2.7" CMOS, угол обзора 112.7°/86.5°, Ultra 265/H.264/MJPEG, WDR 120dB, 0.003 Lux минимальная освещенность, слот micro SD (256Gb), тревожные ввод/вывод 1/1, Audio ввод/вывод 1/1. Тройной видеопоток -  основной поток: 5MP (2880*1620), Max 25fps; 4MP (2560*1440), Max 25fps; 3MP (2304*1296), Max 25fps; 1080P (1920*1080),
Max 30fps; Второй поток: D1 (720*576), Max 30fps; Третий поток: CIF (352*288), Max 30fps. Smart функции - Вторжение в зону, пересечение линий, детекция человека, защита периметра, детекция движения, аудио детекция. 2KV, IP67, IK10; -40°C до +60°C; 12V, PoE (IEEE802.3 af), 0.45kg, Потребляемая мощность: макс. 5,5 Вт</t>
  </si>
  <si>
    <t>Видеокамера IP купольная 5 Мп с ИК подсветкой до 30 м., фикс.  объектив 2.8мм/ 4мм, 1/2.7" CMOS, угол обзора 112.7°/86.5°, Ultra 265/H.264/MJPEG, WDR 120dB, 0.003 Lux минимальная освещенность, слот micro SD (256Gb), встроенный микрофон. тройной видеопотока -  Основной поток: 5MP (2880*1620), Max 25fps; 4MP (2560*1440), Max 25fps; 3MP (2304*1296), Max 25fps; 1080P(1920*1080), Max 30fps; Второй поток: D1 (720*576), Max 30fps; Третий поток: CIF (352*288), Max 30fps. Smart функции - Вторжение в зону, пересечение линий, детекция человека, защита периметра, детекция движения, аудио детекция. 2KV, IP67; -40°C до +60°C; 12V, PoE (IEEE802.3 af), 0.33kg, Потребляемая мощность: макс. 5,5 Вт</t>
  </si>
  <si>
    <t>Видеокамера IP купольная, 1/2.7" CMOS, ICR, 5MP (2880*1620), Max 30fps; 4MP (2560*1440), Max 30fps; 3MP (2304*1296), Max 30fps; 1080P (1920*1080), Max 30fps; Ultra 265/H.265/H.264/MJPEG, Triple streams ,DC12V &amp; PoE, 120dB WDR, Fixed lens (2.8mm,4mm), IR&amp;LED range: up to 30m, Micro SD card slot,  Bulit-in Mic &amp; Speaker，LightHunter: 0.003 Lux min. illumination</t>
  </si>
  <si>
    <t>Видеокамера IP купольная Full-color 5 Мп с LED подсветкой до 30м(2 LEDs),, фикс.  объектив 2.8мм/ 4мм, 1/2.7" CMOS, угол обзора 102.0°/80.2°, Ultra 265/H.264/MJPEG, WDR 120dB, 0.001 Lux минимальная освещенность, слот micro SD (256Gb), встроенный микрофон. Тройной видеопоток -  Основной: 5MP (2880*1620), Max 25fps; 4MP (2560*1440), Max 25fps;3MP (2304*1296), Max 25fps; 2MP (1920*1080), Max 30fps; Второй: 720P (1280*720), Max 30fps; D1 (720*576), Max 30fps; 640*360, Max 30fps; 2CIF (704*288), Max 30fps; CIF (352*288), Max 30fps; Третий: D1 (720*576), Max 30fps; 640*360, Max 30fps; 2CIF (704*288), Max 30fps; CIF (352*288), Max 30fps. Smart функции - Вторжение в зону, пересечение линий, детекция человека, защита периметра, детекция движения, аудио детекция. 2KV, IP67; -40°C до +60°C; 12V, PoE (IEEE802.3 af), 0.33kg, Потребляемая мощность: макс. 5,5 Вт</t>
  </si>
  <si>
    <t>Видеокамера IP купольная антивандальная,  1/2.7" CMOS, ICR, 3840×2160: 20fps; Ultra 265/H.264/MJPEG, Triple streams, DC12V &amp; PoE, IP67&amp;IK10, Fixed lens(2.8mm, 4.0mm),, Micro SD card slot,  120dB WDR，Alarm in/out 1/1, Audio in/out  1/1, IP67 &amp; IK10, IR range: up to 30m,  3-Axis，LightHunter: 0.003 Lux min. illumination</t>
  </si>
  <si>
    <t>Видеокамера IP купольная, 1/2.7" CMOS, ICR, 3840×2160: 20fps;  Ultra 265/H.264/MJPEG, Triple streams, DC12V &amp; PoE, IP67, Fixed lens(2.8mm, 4.0mm), IR range: up to 30m,, Micro SD card slot,  120dB WDR，Bulit-in Mic,IR anti-reflection window,LightHunter: 0.003 Lux min. illumination</t>
  </si>
  <si>
    <t>Видеокамера IP купольная антивандальная, 1/2.7" CMOS, ICR,8MP (3840*2160)@20fps; 5MP (3072*1728)@30/25fps; 4MP (2560*1440)@30/25fps; 2MP (1920*1080) @30/25fpsUltra 265/H.265/H.264/MJPEG, Triple streams ,DC12V &amp; PoE, 120dB WDR,(2.8mm,4mm)lens,Alarm in/out 1/1, Audio1/1,  IR range: up to 30m, Micro SD card slot，LightHunter: 0.003 Lux min. illumination</t>
  </si>
  <si>
    <t>Видеокамера IP купольная 8 Мп с ИК подсветкой до 30 м., фикс.  объектив 2.8мм/ 4мм, 1/2.7" CMOS, угол обзора 112.4°/86.5°, Ultra 265/H.264/MJPEG, WDR 120dB, 0.01 Lux минимальная освещенность, слот micro SD (256Gb), встроенный микрофон. тройной видеопотока -  Основной поток: 8MP (3840*2160), Max 20fps; 5MP (3072*1728), Max 30fps; 4MP (2560*1440), Max 30fps; 1080P(1920*1080), Max 30fps; Второй поток: 4CIF (704*576), Max 30fps; Третий поток: CIF (352*288), Max 30fps. Smart функции - Вторжение в зону, пересечение линий, детекция человека, защита периметра, детекция движения, аудио детекция. 2KV, IP67; -40°C до +60°C; 12V, PoE (IEEE802.3 af), 0.45kg, Потребляемая мощность: макс. 6,4 Вт</t>
  </si>
  <si>
    <t>Видеокамера IP купольная, 1/2.7" CMOS, ICR, 8MP (3840*2160), Max 20fps; 4MP (2560*1440), Max 25fps; 1080P (1920*1080), Max 30fps; Ultra 265/H.265/H.264/MJPEG, Triple streams ,DC12V &amp; PoE, 120dB WDR, （2.8mm,4mm） fixed lens,IR&amp;LED range: up to 30m, Micro SD card slot,  Bulit-in Mic &amp; Speaker，LightHunter: 0.003 Lux min. illumination</t>
  </si>
  <si>
    <t>Видеокамера IP купольная антивандальная 2 Мп с ИК подсветкой до 30 м., моторизированный объектив 2.7-13.5мм, 1/2.8“ CMOS, ICR, 1920*1080 30fps,Ultra 265/H.264/MJPEG, Triple streams,DC12V &amp; PoE, Micro SD card slot, IP67&amp;IK10 ,Alarm in/out 1/1, Audio in/out 1/1, 120dB WDR,  IR range: up to 40m, 3-Axis, Lighthunter: 0.001Lux min. illumination</t>
  </si>
  <si>
    <t>Видеокамера IP купольная 2 Мп с ИК подсветкой до 30 м., моторизированный объектив 2.7-13.5мм, 1/2.8“ CMOS, ICR, 1920*1080 30fps,Ultra 265/H.264/MJPEG, Triple streams,DC12V &amp; PoE, Micro SD card slot, IP67&amp;IK10 ,Alarm in/out 1/1, Audio in/out 1/1, built-in Mic, 120dB WDR,  IR range: up to 40m, 3-Axis, Lighthunter: 0.001Lux min. illumination</t>
  </si>
  <si>
    <t>Видеокамера IP купольная антивандальная 5 Мп с ИК подсветкой до 40 м., моторизированный объектив 2.7-13.5мм, 1/2.7" CMOS, угол обзора 106.25°~ 30.42°,  Ultra 265/H.264/MJPEG, WDR 120dB, 0.002 Lux (F1.2, AGC ON) минимальная освещенность, cлот micro SD (256Gb), тревожные ввод/вывод 1/1, Audio ввод/вывод 1/1, встроенный микрофон.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2KV, IK10, IP67; -40°C до +60°C; 12V, PoE (IEEE802.3 af), металл+пластик, 0,45kg, Потребляемая мощность: макс. 5,5 Вт.</t>
  </si>
  <si>
    <t>Видеокамера IP купольная 5 Мп с ИК подсветкой до 40 м., моторизированный объектив 2.7-13.5мм, 1/2.7“ CMOS, ICR, 2592*1944 20fps,Ultra 265/H.264/MJPEG, Triple streams,DC12V &amp; PoE, Micro SD card slot, IP67&amp;IK10 ,Alarm in/out 1/1, Audio in/out 1/1, built-in Mic, 120dB WDR,  IR range: up to 40m, 3-Axis, Lighthunter: 0.002Lux min. illumination</t>
  </si>
  <si>
    <t>Видеокамера IP купольная антивандальная 5 Мп с ИК подсветкой до 40 м., моторизированный объектив 2.7-13.5мм, 1/2.7" CMOS, угол обзора 106.25°~ 30.42°,  Ultra 265/H.264/MJPEG, WDR 120dB, 0.002 Lux (F1.2, AGC ON) минимальная освещенность, cлот micro SD (256Gb), встроенный микрофон.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IK10, IP67; -40°C до +60°C; 12V, PoE (IEEE802.3 af), металл, 0,67kg, Потребляемая мощность: макс. 8,16 Вт.</t>
  </si>
  <si>
    <t>Видеокамера IP купольная антивандальная, 1/1.8" CMOS, ICR,8MP (3840*2160), Max 30fps in Frame Rate Priority mode; Max 20fps in Smart Priority mode;Ultra 265/H.265/H.264/MJPEG, Triple streams, DC12V &amp; PoE, 120dB WDR, 2.8~12mm Motorized lens, IR range: up to 40m, Micro SD card slot，0 Lux min. illumination</t>
  </si>
  <si>
    <t>Видеокамера IP купольная антивандальная, 1/1.8" CMOS, ICR,8MP (3840*2160), Max 30fps in Frame Rate Priority mode; Max 20fps in Smart Priority mode; Ultra 265/H.265/H.264/MJPEG, Triple streams ,DC12V &amp; PoE, 120dB WDR, 2.8~12mm Motorized lens, IR range: up to 40m, Micro SD card slot，0.001 Lux min. illumination</t>
  </si>
  <si>
    <t>Видеокамера IP купольная антивандальная 8 Мп с ИК подсветкой до 100 м., моторизированный объектив 2.8-12мм,  UNV 4K (8MP) 4X ultra-HD Network IR Fixed Dome Camera(4K, 4X, 30m IR,  AF,  SD, Audio, Alarm, BNC) 1/1.8“ CMOS, ICR, 3840*2160 30fps,Ultra 265/H.264/MJPEG, Triple streams, AC24V&amp; DC12V &amp; PoE, Micro SD card slot, IP67&amp;IK10,Alarm 1/1, Audio1/1, 120dB WDR, 2.8-12mm F1.2 Motorized lens, IR range: up to 100m, 3-Axis, Lighthunter: 0.002Lux min. illumination</t>
  </si>
  <si>
    <t>Видеокамера IP уличная цилиндрическая 3 Мп с ИК подсветкой до 30м, фикс. объектив 2.8/4.0мм 1/2.7" CMOS, угол обзора 112.9°/91.2°, ICR,  два видеопотока - Main Stream: 3MP (2304*1296), Max 30fps; 1080P (1920*1080), Max 30fps; 720P (1280*720), Max 30fps Sub Stream: 720P (1280*720), Max 30fps; D1 (720*576), Max 30fps; 640*360,Max 30fps; 2CIF(704*288), Max 30fps; CIF(352*288), Max 30fps;, DWDR, Ultra 265/H.264/MJPEG, ICR, 0.01Lux минимальная освещенность, встроенный микрофон, слот карты памяти - micro SD до 128 Гб,ANR,NAS(NFS), режим корридора, IP67; -40°C до +60°C; 12V, PoE (IEEE802.3 af), 2KV, Потребляемая мощность: макс. 4 Вт. 0.37кг  Металлический корпус. Обнаружение человеческа, вторжение, детекция движения - до 4 обл., OSD до 4 обл., приватность - до 4 обл., ROI -  до 8 обл.</t>
  </si>
  <si>
    <t>Видеокамера IP уличная цилиндрическая 4 Мп 1/1.8“ CMOS, ICR, 2688*1520 30fps,Ultra 265/H.264/MJPEG, Triple streams,DC12V &amp; PoE, Micro SD card slot, IP67&amp;IK10 ,Alarm in/out 1/1, Audio in/out 1/1, 120dB WDR,  IR range: up to 50m, 3-Axis, Lighthunter: 0.001Lux min. illumination</t>
  </si>
  <si>
    <t>Видеокамера IP уличная цилиндрическая, 1/2.7" CMOS, ICR, 2880x1620:25fps, Ultra 265/H.265/H.264/MJPEG, Double stream,   DC12V &amp; PoE,Fixed lens 2.8mm,4mm, IR range: up to 50m. , 3-axis   EasyStar: 0.003 Lux min. illumination</t>
  </si>
  <si>
    <t>Видеокамера IP уличная цилиндрическая, 1/2.7" CMOS, ICR, 2592*1944: 20fps; 2560*1440: 30fps, Ultra 265/H.264/MJPEG, Triple streams, DC12V &amp; PoE, IP67, Fixed lens(2.8mm, 4.0mm), IR range: up to 50m,, Micro SD card slot,  120dB WDR，Bulit-in Mic,IR anti-reflection window, Bulit-in bracket，LightHunter: 0.003 Lux min. illumination</t>
  </si>
  <si>
    <t>Видеокамера IP уличная цилиндрическая 5 Мп с ИК подсветкой до 40 м., фикс.  объектив 2.8мм/ 4мм, 1/2,7" CMOS, угол обзора 112.7°/86.5°, Ultra 265/H.264/MJPEG, WDR 120dB, 0.003 Lux минимальная освещенность, слот micro SD (256Gb), втроенный микрофон.  Тройной видеопоток -  Основной: 5MP (2880*1620), Max 25fps; 4MP (2560*1440), Max 25fps; 3MP (2304*1296), Max 25fps; 1080P(1920*1080), Max 30fps; Второй: D1 (720*576), Max 30fps; Третий: CIF (352*288), Max 30fps.  Smart функции - Вторжение в зону, пересечение линий, детекция человека, защита периметра, детекция движения, аудио детекция. 2KV, IP67; -40°C до +60°C; 12V, PoE (IEEE802.3 af), 0.45kg, Потребляемая мощность: макс. 6.4 Вт</t>
  </si>
  <si>
    <t>Видеокамера IP уличная цилиндрическая, 1/2.7" CMOS, ICR, 5MP (2880*1620)@ 30/25fps; 4MP (2560*1440)@ 30/25fps; 3MP (2304*1296) @30/25fps; 2MP (1920*1080) @30/25fps; Ultra 265/H.265/H.264/MJPEG, Triple streams ,DC12V &amp; PoE, 120dB WDR, (4mm, 6mm)fixed lens, Alarm in/out 1/1,IR range: up to 80m, Micro SD card slot，LightHunter: 0.003 Lux min. illumination</t>
  </si>
  <si>
    <t>Видеокамера IP уличная цилиндрическая, 1/2.7" CMOS, ICR, 5MP (2880*1620), Max 30fps; 4MP (2560*1440), Max 30fps; 3MP (2304*1296), Max 30fps; 1080P (1920*1080), Max 30fps; Ultra 265/H.265/H.264/MJPEG, Triple streams ,DC12V &amp; PoE, 120dB WDR, Fixed lens (2.8mm,4mm), IR&amp;LED range: up to 30m, Micro SD card slot,  Bulit-in Mic &amp; Speaker，LightHunter: 0.003 Lux min. illumination</t>
  </si>
  <si>
    <t>Видеокамера IP уличная цилиндрическая Full-color 5 Мп с LED подсветкой до 30м(2 LEDs), фикс.  объектив 4мм/ 6мм, 1/2,7" CMOS, угол обзора 80.2°/53.4°, Ultra 265/H.264/MJPEG, WDR 120dB, 0.001 Lux минимальная освещенность, слот micro SD (256Gb), втревожные ввод/вывод 1/1, Audio ввод/вывод 1/1.  Тройной видеопоток -  Основной: 5MP (2880*1620), Max 25fps; 4MP (2560*1440), Max 25fps;3MP (2304*1296), Max 25fps; 2MP (1920*1080), Max 30fps; Второй: 720P (1280*720), Max 30fps; D1 (720*576), Max 30fps; 640*360, Max 30fps; 2CIF (704*288), Max 30fps; CIF (352*288), Max 30fps; Третий: D1 (720*576), Max 30fps; 640*360, Max 30fps; 2CIF (704*288), Max 30fps; CIF (352*288), Max 30fps.  Smart функции - Вторжение в зону, пересечение линий, детекция человека, защита периметра, детекция движения, аудио детекция. 2KV, IP67; -40°C до +60°C; 12V, PoE (IEEE802.3 af), 0.45kg, Потребляемая мощность: макс. 6.4 Вт</t>
  </si>
  <si>
    <t>Видеокамера IP уличная цилиндрическая LightHunter Deep Learning  2 Мп с ИК подсветкой до 50 м., моторизированный объектив 2.7-13.5мм, 1/2.8“ CMOS, ICR, 1920*1080 30fps,Ultra 265/H.264/MJPEG, Triple streams,DC12V &amp; PoE, Micro SD card slot, IP67&amp;IK10 ,Alarm in/out 1/1, Audio in/out 1/1, 120dB WDR,  IR range: up to 50m, 3-Axis, Lighthunter: 0.001Lux min. illumination. 120dB WDR,  IP67&amp;IK10,3-Axis,Lighthunter, HLC,
50m IR,Built in AI algorithm</t>
  </si>
  <si>
    <t>Видеокамера IP уличная цилиндрическая антивандальная 5 Мп с ИК подсветкой до 50 м., моторизированный объектив 2.7-13.5мм, 1/2.7" CMOS, угол обзора 106.25°~ 30.42°,  Ultra 265/H.264/MJPEG, WDR 120dB, 0.002 Lux (F1.2, AGC ON) минимальная освещенность, cлот micro SD (256Gb), тревожные ввод/вывод 1/1, Audio ввод/вывод 1/1. Тройной видеопоток - Основной поток: 5MP (2880*1620), Max 25fps; 4MP (2560*1440), Max 25fps; 3MP (2304*1296), Max 25fps; 1080P (1920*1080), Max 30fps; второй поток: D1 (720*576), Max 30fps; Третий поток: CIF (352*288), Max 30fps; Smart функции - Защита периметра, включая поперечение линии, вторжение, вход/выход из зоны. Детекция движения и аудио детекция, Интеллектуальное предотвращение ложных тревог вызванных движением листьев, птиц, светом и т.п. 6KV, IK10, IP67; -40°C до +60°C; 12V, PoE (IEEE802.3 af), металл, 1kg, Потребляемая мощность: макс. 9,5 Вт.</t>
  </si>
  <si>
    <t>Видеокамера IP уличная цилиндрическая LightHunter Deep Learning  5 Мп с ИК подсветкой до 50 м., моторизированный объектив 2.7-13,5мм, 1/2.7“ CMOS, ICR, 2592*1944 20fps,Ultra 265/H.264/MJPEG, Triple streams,DC12V &amp; PoE, Micro SD card slot, IP67&amp;IK10 ,Alarm in/out 1/1, Audio in/out 1/1, 120dB WDR,  IR range: up to 50m, 3-Axis, Lighthunter: 0.002Lux min. illumination</t>
  </si>
  <si>
    <t>Видеокамера IP уличная цилиндрическая, 1/1.8" CMOS, ICR,8MP (3840*2160), Max 30fps in Frame Rate Priority mode; Max 20fps in Smart Priority mode;Ultra 265/H.265/H.264/MJPEG, Triple streams ,DC12V &amp; PoE, 120dB WDR, 4 mm fixed lens, IR range: up to 80m, Micro SD card slot，0.001 Lux min. illumination</t>
  </si>
  <si>
    <t>Видеокамера IP уличная цилиндрическая 8 Мп с ИК подсветкой до 100 м., моторизированный объектив 2.8-12мм, UNV 4K (8MP) 4X ultra-HD Network IR Bullet Camera(4K,4X,100m IR,AF,WDR,Audio,Alarm) 1/1.8“ CMOS, ICR, 3840*2160 30fps,Ultra 265/H.264/MJPEG, Triple streams, AC24V&amp; DC12V &amp; PoE, Micro SD card slot, IP67&amp;IK10,Alarm 2/1, Audio1/1, 120dB WDR, 2.8-12mm F1.2 Motorized lens, IR range: up to 100m, 3-Axis, Lighthunter: 0.002Lux min. illumination</t>
  </si>
  <si>
    <t>повышение цены</t>
  </si>
  <si>
    <t>DC12V/1A</t>
  </si>
  <si>
    <t>SFP Module</t>
  </si>
  <si>
    <t>SFP-GE-SX-MM850</t>
  </si>
  <si>
    <t>SFP</t>
  </si>
  <si>
    <t>По запросу</t>
  </si>
  <si>
    <t>РРЦ USD</t>
  </si>
  <si>
    <t xml:space="preserve"> РРЦ US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44" formatCode="_-* #,##0.00\ &quot;₽&quot;_-;\-* #,##0.00\ &quot;₽&quot;_-;_-* &quot;-&quot;??\ &quot;₽&quot;_-;_-@_-"/>
    <numFmt numFmtId="164" formatCode="_ * #,##0.00_ ;_ * \-#,##0.00_ ;_ * &quot;-&quot;??_ ;_ @_ "/>
    <numFmt numFmtId="165" formatCode="\$#,##0_);[Red]\(\$#,##0\)"/>
    <numFmt numFmtId="166" formatCode="_(&quot;$&quot;* #,##0.00_);_(&quot;$&quot;* \(#,##0.00\);_(&quot;$&quot;* &quot;-&quot;??_);_(@_)"/>
    <numFmt numFmtId="167" formatCode="#,##0\ [$₽-419]_);[Red]\(#,##0\ [$₽-419]\)"/>
    <numFmt numFmtId="168" formatCode="\$#,##0;[Red]\-\$#,##0"/>
    <numFmt numFmtId="169" formatCode="\$#,##0;\-\$#,##0"/>
    <numFmt numFmtId="170" formatCode="_-[$$-409]* #,##0.00_ ;_-[$$-409]* \-#,##0.00\ ;_-[$$-409]* &quot;-&quot;??_ ;_-@_ "/>
  </numFmts>
  <fonts count="137">
    <font>
      <sz val="11"/>
      <color theme="1"/>
      <name val="Calibri"/>
      <charset val="134"/>
      <scheme val="minor"/>
    </font>
    <font>
      <b/>
      <sz val="9"/>
      <name val="Cambria"/>
      <family val="3"/>
      <charset val="134"/>
      <scheme val="major"/>
    </font>
    <font>
      <sz val="9"/>
      <color theme="1"/>
      <name val="Calibri"/>
      <family val="3"/>
      <charset val="134"/>
      <scheme val="minor"/>
    </font>
    <font>
      <b/>
      <sz val="9"/>
      <color rgb="FF0000FF"/>
      <name val="Cambria"/>
      <family val="3"/>
      <charset val="134"/>
      <scheme val="major"/>
    </font>
    <font>
      <sz val="9"/>
      <name val="宋体"/>
      <family val="3"/>
      <charset val="134"/>
    </font>
    <font>
      <sz val="9"/>
      <name val="Cambria"/>
      <family val="3"/>
      <charset val="134"/>
      <scheme val="major"/>
    </font>
    <font>
      <sz val="9"/>
      <name val="Calibri"/>
      <family val="3"/>
      <charset val="134"/>
      <scheme val="minor"/>
    </font>
    <font>
      <sz val="9"/>
      <color theme="1"/>
      <name val="Cambria"/>
      <family val="3"/>
      <charset val="134"/>
      <scheme val="major"/>
    </font>
    <font>
      <sz val="9"/>
      <color rgb="FFFF0000"/>
      <name val="Cambria"/>
      <family val="3"/>
      <charset val="134"/>
      <scheme val="major"/>
    </font>
    <font>
      <sz val="10"/>
      <name val="Calibri"/>
      <family val="2"/>
    </font>
    <font>
      <b/>
      <sz val="10"/>
      <color rgb="FFFF0000"/>
      <name val="Calibri"/>
      <family val="2"/>
    </font>
    <font>
      <b/>
      <sz val="10"/>
      <color theme="0" tint="-0.249977111117893"/>
      <name val="Calibri"/>
      <family val="2"/>
    </font>
    <font>
      <b/>
      <sz val="10"/>
      <name val="Calibri"/>
      <family val="2"/>
    </font>
    <font>
      <b/>
      <sz val="10"/>
      <color indexed="9"/>
      <name val="Calibri"/>
      <family val="2"/>
    </font>
    <font>
      <b/>
      <sz val="10"/>
      <color rgb="FFC00000"/>
      <name val="Calibri"/>
      <family val="2"/>
    </font>
    <font>
      <b/>
      <sz val="10"/>
      <color rgb="FF0000FF"/>
      <name val="Calibri"/>
      <family val="2"/>
    </font>
    <font>
      <sz val="9"/>
      <color rgb="FF9900FF"/>
      <name val="Cambria"/>
      <family val="3"/>
      <charset val="134"/>
      <scheme val="major"/>
    </font>
    <font>
      <sz val="11"/>
      <name val="Calibri"/>
      <family val="3"/>
      <charset val="134"/>
      <scheme val="minor"/>
    </font>
    <font>
      <b/>
      <sz val="9"/>
      <color rgb="FF0000FF"/>
      <name val="Calibri"/>
      <family val="3"/>
      <charset val="134"/>
      <scheme val="minor"/>
    </font>
    <font>
      <sz val="9"/>
      <color theme="0" tint="-0.34998626667073579"/>
      <name val="Cambria"/>
      <family val="3"/>
      <charset val="134"/>
      <scheme val="major"/>
    </font>
    <font>
      <sz val="11"/>
      <color theme="1"/>
      <name val="Calibri"/>
      <family val="3"/>
      <charset val="134"/>
      <scheme val="minor"/>
    </font>
    <font>
      <sz val="12"/>
      <name val="Times New Roman"/>
      <family val="1"/>
    </font>
    <font>
      <sz val="12"/>
      <name val="宋体"/>
      <family val="3"/>
      <charset val="134"/>
    </font>
    <font>
      <sz val="10"/>
      <color indexed="8"/>
      <name val="Arial Narrow"/>
      <family val="2"/>
    </font>
    <font>
      <sz val="10"/>
      <name val="Arial"/>
      <family val="2"/>
    </font>
    <font>
      <b/>
      <sz val="10"/>
      <color theme="0" tint="-0.249977111117893"/>
      <name val="宋体"/>
      <family val="3"/>
      <charset val="134"/>
    </font>
    <font>
      <b/>
      <sz val="10"/>
      <color rgb="FFFF0000"/>
      <name val="宋体"/>
      <family val="3"/>
      <charset val="134"/>
    </font>
    <font>
      <sz val="10"/>
      <color theme="0" tint="-0.249977111117893"/>
      <name val="Calibri"/>
      <family val="2"/>
    </font>
    <font>
      <b/>
      <sz val="10"/>
      <name val="宋体"/>
      <family val="3"/>
      <charset val="134"/>
    </font>
    <font>
      <b/>
      <sz val="10"/>
      <name val="Arial"/>
      <family val="2"/>
    </font>
    <font>
      <sz val="11"/>
      <color theme="1"/>
      <name val="Calibri"/>
      <family val="2"/>
      <scheme val="minor"/>
    </font>
    <font>
      <b/>
      <sz val="11"/>
      <color theme="1"/>
      <name val="Calibri"/>
      <family val="2"/>
      <scheme val="minor"/>
    </font>
    <font>
      <b/>
      <sz val="11"/>
      <color rgb="FFFF0000"/>
      <name val="Cambria"/>
      <family val="1"/>
      <charset val="204"/>
    </font>
    <font>
      <b/>
      <sz val="11"/>
      <color rgb="FF0000FF"/>
      <name val="Cambria"/>
      <family val="1"/>
      <charset val="204"/>
    </font>
    <font>
      <sz val="11"/>
      <color rgb="FFFF0000"/>
      <name val="Calibri"/>
      <family val="2"/>
      <scheme val="minor"/>
    </font>
    <font>
      <b/>
      <sz val="11"/>
      <color rgb="FFFF0000"/>
      <name val="Calibri"/>
      <family val="2"/>
      <charset val="204"/>
      <scheme val="minor"/>
    </font>
    <font>
      <b/>
      <sz val="11"/>
      <name val="Calibri"/>
      <family val="2"/>
      <scheme val="minor"/>
    </font>
    <font>
      <b/>
      <sz val="11"/>
      <color rgb="FFFF0000"/>
      <name val="Calibri"/>
      <family val="2"/>
    </font>
    <font>
      <b/>
      <sz val="11"/>
      <name val="Calibri"/>
      <family val="2"/>
    </font>
    <font>
      <sz val="11"/>
      <name val="Calibri"/>
      <family val="2"/>
    </font>
    <font>
      <sz val="11"/>
      <name val="Calibri"/>
      <family val="2"/>
      <scheme val="minor"/>
    </font>
    <font>
      <sz val="11"/>
      <color rgb="FFFF0000"/>
      <name val="Calibri"/>
      <family val="2"/>
    </font>
    <font>
      <b/>
      <i/>
      <sz val="14"/>
      <color rgb="FFFF0000"/>
      <name val="Calibri"/>
      <family val="2"/>
    </font>
    <font>
      <u/>
      <sz val="11"/>
      <color theme="10"/>
      <name val="Calibri"/>
      <family val="2"/>
    </font>
    <font>
      <sz val="9"/>
      <name val="Cambria"/>
      <family val="1"/>
      <scheme val="major"/>
    </font>
    <font>
      <b/>
      <i/>
      <sz val="12"/>
      <color rgb="FFFF0000"/>
      <name val="Calibri"/>
      <family val="2"/>
    </font>
    <font>
      <b/>
      <sz val="10"/>
      <color theme="0"/>
      <name val="Calibri"/>
      <family val="2"/>
    </font>
    <font>
      <sz val="10"/>
      <color rgb="FFFF0000"/>
      <name val="Calibri"/>
      <family val="2"/>
    </font>
    <font>
      <b/>
      <sz val="9"/>
      <color indexed="12"/>
      <name val="宋体"/>
      <family val="3"/>
      <charset val="134"/>
    </font>
    <font>
      <sz val="10"/>
      <color theme="1"/>
      <name val="微软雅黑"/>
      <family val="2"/>
      <charset val="134"/>
    </font>
    <font>
      <b/>
      <sz val="10"/>
      <color theme="0"/>
      <name val="微软雅黑"/>
      <family val="2"/>
      <charset val="134"/>
    </font>
    <font>
      <b/>
      <i/>
      <sz val="11"/>
      <color rgb="FFFF0000"/>
      <name val="Calibri"/>
      <family val="2"/>
    </font>
    <font>
      <u/>
      <sz val="11"/>
      <color theme="10"/>
      <name val="Calibri"/>
      <family val="2"/>
      <scheme val="minor"/>
    </font>
    <font>
      <sz val="11"/>
      <color theme="1"/>
      <name val="Arial"/>
      <family val="2"/>
    </font>
    <font>
      <sz val="11"/>
      <color theme="1"/>
      <name val="Calibri"/>
      <family val="2"/>
      <charset val="134"/>
      <scheme val="minor"/>
    </font>
    <font>
      <b/>
      <sz val="11"/>
      <color theme="1"/>
      <name val="Arial"/>
      <family val="2"/>
    </font>
    <font>
      <b/>
      <sz val="16"/>
      <color rgb="FFFF0000"/>
      <name val="Calibri"/>
      <family val="2"/>
    </font>
    <font>
      <sz val="11"/>
      <color theme="1"/>
      <name val="Calibri"/>
      <family val="2"/>
    </font>
    <font>
      <b/>
      <sz val="14"/>
      <color indexed="9"/>
      <name val="Calibri"/>
      <family val="2"/>
    </font>
    <font>
      <b/>
      <sz val="14"/>
      <color theme="0"/>
      <name val="宋体"/>
      <family val="3"/>
      <charset val="134"/>
    </font>
    <font>
      <b/>
      <sz val="11"/>
      <color theme="1"/>
      <name val="Calibri"/>
      <family val="2"/>
    </font>
    <font>
      <sz val="14"/>
      <color rgb="FF000000"/>
      <name val="微软雅黑"/>
      <family val="2"/>
      <charset val="134"/>
    </font>
    <font>
      <b/>
      <sz val="14"/>
      <color rgb="FFFFFFFF"/>
      <name val="微软雅黑"/>
      <family val="2"/>
      <charset val="134"/>
    </font>
    <font>
      <b/>
      <sz val="10"/>
      <color rgb="FFFF0000"/>
      <name val="微软雅黑"/>
      <family val="2"/>
      <charset val="134"/>
    </font>
    <font>
      <sz val="11"/>
      <color rgb="FFFF0000"/>
      <name val="宋体"/>
      <family val="3"/>
      <charset val="134"/>
    </font>
    <font>
      <sz val="10"/>
      <color rgb="FFFF0000"/>
      <name val="微软雅黑"/>
      <family val="2"/>
      <charset val="134"/>
    </font>
    <font>
      <sz val="10"/>
      <color rgb="FF000000"/>
      <name val="微软雅黑"/>
      <family val="2"/>
      <charset val="134"/>
    </font>
    <font>
      <b/>
      <sz val="12"/>
      <color indexed="9"/>
      <name val="Calibri"/>
      <family val="2"/>
    </font>
    <font>
      <b/>
      <sz val="12"/>
      <color theme="0"/>
      <name val="Calibri"/>
      <family val="2"/>
    </font>
    <font>
      <b/>
      <sz val="11"/>
      <color theme="0"/>
      <name val="宋体"/>
      <family val="3"/>
      <charset val="134"/>
    </font>
    <font>
      <b/>
      <sz val="11"/>
      <color theme="0"/>
      <name val="Calibri"/>
      <family val="3"/>
      <charset val="134"/>
    </font>
    <font>
      <b/>
      <sz val="11"/>
      <color theme="0"/>
      <name val="Calibri"/>
      <family val="2"/>
    </font>
    <font>
      <b/>
      <sz val="11"/>
      <color rgb="FFC00000"/>
      <name val="Calibri"/>
      <family val="2"/>
    </font>
    <font>
      <b/>
      <strike/>
      <sz val="11"/>
      <color rgb="FFC00000"/>
      <name val="Calibri"/>
      <family val="2"/>
    </font>
    <font>
      <b/>
      <sz val="11"/>
      <color rgb="FFC00000"/>
      <name val="宋体"/>
      <family val="3"/>
      <charset val="134"/>
    </font>
    <font>
      <b/>
      <sz val="12"/>
      <color rgb="FFFFFFFF"/>
      <name val="Calibri"/>
      <family val="2"/>
    </font>
    <font>
      <b/>
      <sz val="11"/>
      <color rgb="FFFFFFFF"/>
      <name val="宋体"/>
      <family val="2"/>
      <charset val="134"/>
    </font>
    <font>
      <sz val="11"/>
      <color rgb="FF000000"/>
      <name val="Calibri"/>
      <family val="2"/>
    </font>
    <font>
      <b/>
      <sz val="11"/>
      <color rgb="FFFFFFFF"/>
      <name val="Calibri"/>
      <family val="2"/>
    </font>
    <font>
      <sz val="11"/>
      <color rgb="FF000000"/>
      <name val="宋体"/>
      <family val="3"/>
      <charset val="134"/>
    </font>
    <font>
      <b/>
      <sz val="11"/>
      <color rgb="FF000000"/>
      <name val="Calibri"/>
      <family val="2"/>
    </font>
    <font>
      <b/>
      <sz val="12"/>
      <color indexed="9"/>
      <name val="Calibri"/>
      <family val="2"/>
      <scheme val="minor"/>
    </font>
    <font>
      <b/>
      <sz val="11"/>
      <color theme="0"/>
      <name val="Calibri"/>
      <family val="2"/>
      <scheme val="minor"/>
    </font>
    <font>
      <b/>
      <sz val="12"/>
      <color theme="0"/>
      <name val="Calibri"/>
      <family val="2"/>
      <scheme val="minor"/>
    </font>
    <font>
      <b/>
      <i/>
      <sz val="11"/>
      <color theme="1"/>
      <name val="Calibri"/>
      <family val="2"/>
      <scheme val="minor"/>
    </font>
    <font>
      <sz val="8"/>
      <color rgb="FFFF0000"/>
      <name val="Calibri"/>
      <family val="2"/>
      <scheme val="minor"/>
    </font>
    <font>
      <sz val="10"/>
      <color rgb="FFFF0000"/>
      <name val="Calibri"/>
      <family val="2"/>
      <scheme val="minor"/>
    </font>
    <font>
      <sz val="9"/>
      <color theme="1"/>
      <name val="Calibri"/>
      <family val="2"/>
      <scheme val="minor"/>
    </font>
    <font>
      <sz val="8"/>
      <name val="Calibri"/>
      <family val="2"/>
      <scheme val="minor"/>
    </font>
    <font>
      <sz val="10"/>
      <color theme="1"/>
      <name val="Calibri"/>
      <family val="2"/>
      <scheme val="minor"/>
    </font>
    <font>
      <sz val="9"/>
      <name val="Calibri"/>
      <family val="2"/>
    </font>
    <font>
      <b/>
      <sz val="9"/>
      <name val="Calibri"/>
      <family val="2"/>
    </font>
    <font>
      <sz val="9"/>
      <color rgb="FFFF0000"/>
      <name val="Calibri"/>
      <family val="2"/>
    </font>
    <font>
      <b/>
      <sz val="9"/>
      <color rgb="FFFF0000"/>
      <name val="Calibri"/>
      <family val="2"/>
    </font>
    <font>
      <sz val="9"/>
      <name val="Calibri"/>
      <family val="2"/>
      <scheme val="minor"/>
    </font>
    <font>
      <sz val="9"/>
      <color theme="1"/>
      <name val="Calibri"/>
      <family val="2"/>
    </font>
    <font>
      <b/>
      <sz val="8"/>
      <color theme="0"/>
      <name val="Calibri"/>
      <family val="2"/>
    </font>
    <font>
      <b/>
      <sz val="8"/>
      <name val="Cambria"/>
      <family val="3"/>
      <charset val="134"/>
      <scheme val="major"/>
    </font>
    <font>
      <b/>
      <sz val="8"/>
      <color rgb="FFFF0000"/>
      <name val="Calibri"/>
      <family val="2"/>
    </font>
    <font>
      <sz val="8"/>
      <name val="Cambria"/>
      <family val="3"/>
      <charset val="134"/>
      <scheme val="major"/>
    </font>
    <font>
      <sz val="9"/>
      <color rgb="FFFF0000"/>
      <name val="Calibri"/>
      <family val="3"/>
      <charset val="134"/>
      <scheme val="minor"/>
    </font>
    <font>
      <sz val="9"/>
      <color rgb="FF9900FF"/>
      <name val="Calibri"/>
      <family val="3"/>
      <charset val="134"/>
      <scheme val="minor"/>
    </font>
    <font>
      <b/>
      <sz val="8"/>
      <color theme="1"/>
      <name val="Calibri"/>
      <family val="2"/>
    </font>
    <font>
      <b/>
      <sz val="8"/>
      <name val="Calibri"/>
      <family val="2"/>
    </font>
    <font>
      <sz val="8"/>
      <color rgb="FF9900FF"/>
      <name val="Calibri"/>
      <family val="3"/>
      <charset val="134"/>
      <scheme val="minor"/>
    </font>
    <font>
      <sz val="11"/>
      <color rgb="FF9900FF"/>
      <name val="Calibri"/>
      <family val="3"/>
      <charset val="134"/>
      <scheme val="minor"/>
    </font>
    <font>
      <sz val="9"/>
      <name val="微软雅黑"/>
      <family val="2"/>
      <charset val="134"/>
    </font>
    <font>
      <sz val="8"/>
      <color rgb="FFFF0000"/>
      <name val="Calibri"/>
      <family val="3"/>
      <charset val="134"/>
      <scheme val="minor"/>
    </font>
    <font>
      <sz val="11"/>
      <color rgb="FFFF0000"/>
      <name val="Calibri"/>
      <family val="3"/>
      <charset val="134"/>
      <scheme val="minor"/>
    </font>
    <font>
      <b/>
      <sz val="10"/>
      <color theme="1"/>
      <name val="Calibri"/>
      <family val="2"/>
    </font>
    <font>
      <sz val="8"/>
      <color theme="1"/>
      <name val="Calibri"/>
      <family val="2"/>
    </font>
    <font>
      <sz val="10"/>
      <color theme="1"/>
      <name val="Calibri"/>
      <family val="2"/>
    </font>
    <font>
      <sz val="8"/>
      <color theme="1"/>
      <name val="Calibri"/>
      <family val="2"/>
      <scheme val="minor"/>
    </font>
    <font>
      <b/>
      <sz val="10"/>
      <color theme="1"/>
      <name val="宋体"/>
      <family val="3"/>
      <charset val="134"/>
    </font>
    <font>
      <b/>
      <sz val="8"/>
      <color theme="0"/>
      <name val="Calibri"/>
      <family val="2"/>
      <charset val="204"/>
    </font>
    <font>
      <b/>
      <sz val="8"/>
      <name val="Cambria"/>
      <family val="3"/>
      <charset val="204"/>
      <scheme val="major"/>
    </font>
    <font>
      <b/>
      <sz val="8"/>
      <color theme="1"/>
      <name val="Calibri"/>
      <family val="2"/>
      <charset val="204"/>
    </font>
    <font>
      <b/>
      <sz val="8"/>
      <name val="Calibri"/>
      <family val="2"/>
      <charset val="204"/>
    </font>
    <font>
      <b/>
      <sz val="8"/>
      <color theme="1"/>
      <name val="Calibri"/>
      <family val="2"/>
      <charset val="204"/>
      <scheme val="minor"/>
    </font>
    <font>
      <b/>
      <sz val="8"/>
      <color theme="1"/>
      <name val="宋体"/>
      <family val="3"/>
      <charset val="134"/>
    </font>
    <font>
      <b/>
      <sz val="9"/>
      <name val="Cambria"/>
      <family val="1"/>
      <scheme val="major"/>
    </font>
    <font>
      <sz val="9"/>
      <color rgb="FFFF0000"/>
      <name val="Cambria"/>
      <family val="1"/>
      <scheme val="major"/>
    </font>
    <font>
      <b/>
      <sz val="11"/>
      <name val="Cambria"/>
      <family val="1"/>
      <scheme val="major"/>
    </font>
    <font>
      <b/>
      <sz val="12"/>
      <name val="Calibri"/>
      <family val="2"/>
    </font>
    <font>
      <sz val="11"/>
      <color rgb="FFFF0000"/>
      <name val="微软雅黑"/>
      <family val="2"/>
      <charset val="134"/>
    </font>
    <font>
      <sz val="10"/>
      <name val="微软雅黑"/>
      <family val="2"/>
      <charset val="134"/>
    </font>
    <font>
      <sz val="10"/>
      <color theme="0"/>
      <name val="微软雅黑"/>
      <family val="2"/>
      <charset val="134"/>
    </font>
    <font>
      <b/>
      <sz val="9"/>
      <color rgb="FF0000FF"/>
      <name val="Calibri"/>
      <family val="2"/>
      <scheme val="minor"/>
    </font>
    <font>
      <sz val="9"/>
      <color rgb="FF0000FF"/>
      <name val="Cambria"/>
      <family val="3"/>
      <charset val="134"/>
      <scheme val="major"/>
    </font>
    <font>
      <b/>
      <sz val="9"/>
      <color rgb="FFFF0000"/>
      <name val="Cambria"/>
      <family val="3"/>
      <charset val="134"/>
      <scheme val="major"/>
    </font>
    <font>
      <sz val="10"/>
      <color theme="1" tint="0.499984740745262"/>
      <name val="微软雅黑"/>
      <family val="2"/>
      <charset val="134"/>
    </font>
    <font>
      <sz val="11"/>
      <name val="Calibri"/>
      <family val="2"/>
      <charset val="204"/>
    </font>
    <font>
      <sz val="9"/>
      <name val="Cambria"/>
      <family val="3"/>
      <charset val="204"/>
      <scheme val="major"/>
    </font>
    <font>
      <sz val="9"/>
      <name val="Cambria"/>
      <family val="1"/>
      <charset val="204"/>
      <scheme val="major"/>
    </font>
    <font>
      <b/>
      <sz val="9"/>
      <name val="Calibri"/>
      <family val="2"/>
      <scheme val="minor"/>
    </font>
    <font>
      <b/>
      <sz val="9"/>
      <color rgb="FFFF0000"/>
      <name val="Calibri"/>
      <family val="2"/>
      <scheme val="minor"/>
    </font>
    <font>
      <sz val="11"/>
      <color theme="1"/>
      <name val="Calibri"/>
      <family val="2"/>
      <charset val="204"/>
      <scheme val="minor"/>
    </font>
  </fonts>
  <fills count="23">
    <fill>
      <patternFill patternType="none"/>
    </fill>
    <fill>
      <patternFill patternType="gray125"/>
    </fill>
    <fill>
      <patternFill patternType="solid">
        <fgColor theme="0"/>
        <bgColor indexed="64"/>
      </patternFill>
    </fill>
    <fill>
      <patternFill patternType="solid">
        <fgColor rgb="FF3297C0"/>
        <bgColor indexed="64"/>
      </patternFill>
    </fill>
    <fill>
      <patternFill patternType="solid">
        <fgColor indexed="22"/>
        <bgColor indexed="64"/>
      </patternFill>
    </fill>
    <fill>
      <patternFill patternType="solid">
        <fgColor rgb="FFFFFF00"/>
        <bgColor indexed="64"/>
      </patternFill>
    </fill>
    <fill>
      <patternFill patternType="solid">
        <fgColor theme="3" tint="0.59999389629810485"/>
        <bgColor indexed="64"/>
      </patternFill>
    </fill>
    <fill>
      <patternFill patternType="solid">
        <fgColor theme="5" tint="0.79998168889431442"/>
        <bgColor indexed="64"/>
      </patternFill>
    </fill>
    <fill>
      <patternFill patternType="solid">
        <fgColor theme="4" tint="0.79995117038483843"/>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rgb="FF0070C0"/>
        <bgColor indexed="64"/>
      </patternFill>
    </fill>
    <fill>
      <patternFill patternType="solid">
        <fgColor rgb="FFFF0000"/>
        <bgColor indexed="64"/>
      </patternFill>
    </fill>
    <fill>
      <patternFill patternType="solid">
        <fgColor theme="1"/>
        <bgColor indexed="64"/>
      </patternFill>
    </fill>
    <fill>
      <patternFill patternType="solid">
        <fgColor theme="8" tint="0.39997558519241921"/>
        <bgColor indexed="64"/>
      </patternFill>
    </fill>
    <fill>
      <patternFill patternType="solid">
        <fgColor rgb="FFDCF2F2"/>
        <bgColor indexed="64"/>
      </patternFill>
    </fill>
    <fill>
      <patternFill patternType="solid">
        <fgColor rgb="FFD2DEEF"/>
        <bgColor indexed="64"/>
      </patternFill>
    </fill>
    <fill>
      <patternFill patternType="solid">
        <fgColor rgb="FF5B9BD5"/>
        <bgColor indexed="64"/>
      </patternFill>
    </fill>
    <fill>
      <patternFill patternType="solid">
        <fgColor theme="8" tint="0.79995117038483843"/>
        <bgColor indexed="64"/>
      </patternFill>
    </fill>
    <fill>
      <patternFill patternType="solid">
        <fgColor rgb="FF3297C0"/>
        <bgColor rgb="FF000000"/>
      </patternFill>
    </fill>
    <fill>
      <patternFill patternType="solid">
        <fgColor rgb="FFDAEEF3"/>
        <bgColor rgb="FF000000"/>
      </patternFill>
    </fill>
    <fill>
      <patternFill patternType="solid">
        <fgColor theme="1" tint="0.34998626667073579"/>
        <bgColor indexed="64"/>
      </patternFill>
    </fill>
    <fill>
      <patternFill patternType="solid">
        <fgColor theme="4"/>
        <bgColor indexed="64"/>
      </patternFill>
    </fill>
  </fills>
  <borders count="61">
    <border>
      <left/>
      <right/>
      <top/>
      <bottom/>
      <diagonal/>
    </border>
    <border>
      <left style="thin">
        <color auto="1"/>
      </left>
      <right style="thin">
        <color auto="1"/>
      </right>
      <top style="thin">
        <color auto="1"/>
      </top>
      <bottom style="thin">
        <color auto="1"/>
      </bottom>
      <diagonal/>
    </border>
    <border>
      <left style="hair">
        <color auto="1"/>
      </left>
      <right style="hair">
        <color auto="1"/>
      </right>
      <top style="hair">
        <color auto="1"/>
      </top>
      <bottom style="hair">
        <color auto="1"/>
      </bottom>
      <diagonal/>
    </border>
    <border>
      <left style="hair">
        <color auto="1"/>
      </left>
      <right/>
      <top style="hair">
        <color auto="1"/>
      </top>
      <bottom style="hair">
        <color auto="1"/>
      </bottom>
      <diagonal/>
    </border>
    <border>
      <left style="hair">
        <color auto="1"/>
      </left>
      <right/>
      <top style="hair">
        <color auto="1"/>
      </top>
      <bottom style="thin">
        <color auto="1"/>
      </bottom>
      <diagonal/>
    </border>
    <border>
      <left/>
      <right/>
      <top style="hair">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dotted">
        <color rgb="FF00B050"/>
      </left>
      <right style="dotted">
        <color rgb="FF00B050"/>
      </right>
      <top style="dotted">
        <color rgb="FF00B050"/>
      </top>
      <bottom style="dotted">
        <color rgb="FF00B050"/>
      </bottom>
      <diagonal/>
    </border>
    <border>
      <left style="dotted">
        <color rgb="FF00B050"/>
      </left>
      <right style="dotted">
        <color rgb="FF00B050"/>
      </right>
      <top style="dotted">
        <color rgb="FF00B050"/>
      </top>
      <bottom/>
      <diagonal/>
    </border>
    <border>
      <left style="dotted">
        <color rgb="FF00B050"/>
      </left>
      <right style="dotted">
        <color rgb="FF00B050"/>
      </right>
      <top/>
      <bottom style="dotted">
        <color rgb="FF00B050"/>
      </bottom>
      <diagonal/>
    </border>
    <border>
      <left style="thin">
        <color auto="1"/>
      </left>
      <right style="thin">
        <color auto="1"/>
      </right>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right/>
      <top/>
      <bottom style="thin">
        <color auto="1"/>
      </bottom>
      <diagonal/>
    </border>
    <border>
      <left/>
      <right style="thin">
        <color auto="1"/>
      </right>
      <top/>
      <bottom style="thin">
        <color auto="1"/>
      </bottom>
      <diagonal/>
    </border>
    <border>
      <left style="thin">
        <color auto="1"/>
      </left>
      <right/>
      <top/>
      <bottom/>
      <diagonal/>
    </border>
    <border>
      <left/>
      <right style="thin">
        <color auto="1"/>
      </right>
      <top/>
      <bottom/>
      <diagonal/>
    </border>
    <border>
      <left style="thin">
        <color indexed="64"/>
      </left>
      <right style="thin">
        <color indexed="64"/>
      </right>
      <top/>
      <bottom/>
      <diagonal/>
    </border>
    <border>
      <left style="medium">
        <color rgb="FFFFFFFF"/>
      </left>
      <right style="medium">
        <color rgb="FFFFFFFF"/>
      </right>
      <top style="thick">
        <color rgb="FFFFFFFF"/>
      </top>
      <bottom style="medium">
        <color rgb="FFFFFFFF"/>
      </bottom>
      <diagonal/>
    </border>
    <border>
      <left style="medium">
        <color rgb="FFFFFFFF"/>
      </left>
      <right/>
      <top style="thick">
        <color rgb="FFFFFFFF"/>
      </top>
      <bottom style="medium">
        <color rgb="FFFFFFFF"/>
      </bottom>
      <diagonal/>
    </border>
    <border>
      <left/>
      <right style="medium">
        <color rgb="FFFFFFFF"/>
      </right>
      <top style="thick">
        <color rgb="FFFFFFFF"/>
      </top>
      <bottom style="medium">
        <color rgb="FFFFFFFF"/>
      </bottom>
      <diagonal/>
    </border>
    <border>
      <left style="medium">
        <color rgb="FFFFFFFF"/>
      </left>
      <right style="medium">
        <color rgb="FFFFFFFF"/>
      </right>
      <top style="medium">
        <color rgb="FFFFFFFF"/>
      </top>
      <bottom style="thick">
        <color rgb="FFFFFFFF"/>
      </bottom>
      <diagonal/>
    </border>
    <border>
      <left style="medium">
        <color rgb="FFFFFFFF"/>
      </left>
      <right/>
      <top style="medium">
        <color rgb="FFFFFFFF"/>
      </top>
      <bottom style="thick">
        <color rgb="FFFFFFFF"/>
      </bottom>
      <diagonal/>
    </border>
    <border>
      <left/>
      <right style="medium">
        <color rgb="FFFFFFFF"/>
      </right>
      <top style="medium">
        <color rgb="FFFFFFFF"/>
      </top>
      <bottom style="thick">
        <color rgb="FFFFFFFF"/>
      </bottom>
      <diagonal/>
    </border>
    <border>
      <left style="thin">
        <color auto="1"/>
      </left>
      <right/>
      <top/>
      <bottom style="thin">
        <color auto="1"/>
      </bottom>
      <diagonal/>
    </border>
    <border>
      <left style="thin">
        <color rgb="FF000000"/>
      </left>
      <right style="thin">
        <color auto="1"/>
      </right>
      <top style="thin">
        <color auto="1"/>
      </top>
      <bottom/>
      <diagonal/>
    </border>
    <border>
      <left style="thin">
        <color rgb="FF000000"/>
      </left>
      <right style="thin">
        <color auto="1"/>
      </right>
      <top/>
      <bottom style="thin">
        <color rgb="FF000000"/>
      </bottom>
      <diagonal/>
    </border>
    <border>
      <left style="thin">
        <color rgb="FF000000"/>
      </left>
      <right style="thin">
        <color rgb="FF000000"/>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style="thin">
        <color auto="1"/>
      </right>
      <top/>
      <bottom/>
      <diagonal/>
    </border>
    <border>
      <left style="dotted">
        <color rgb="FF009999"/>
      </left>
      <right style="dotted">
        <color rgb="FF009999"/>
      </right>
      <top style="dotted">
        <color rgb="FF009999"/>
      </top>
      <bottom style="dotted">
        <color rgb="FF009999"/>
      </bottom>
      <diagonal/>
    </border>
    <border>
      <left style="thin">
        <color auto="1"/>
      </left>
      <right/>
      <top style="thin">
        <color auto="1"/>
      </top>
      <bottom/>
      <diagonal/>
    </border>
    <border>
      <left/>
      <right style="thin">
        <color auto="1"/>
      </right>
      <top style="thin">
        <color auto="1"/>
      </top>
      <bottom/>
      <diagonal/>
    </border>
    <border>
      <left style="thin">
        <color auto="1"/>
      </left>
      <right style="thin">
        <color rgb="FF000000"/>
      </right>
      <top style="thin">
        <color auto="1"/>
      </top>
      <bottom/>
      <diagonal/>
    </border>
    <border>
      <left style="thin">
        <color auto="1"/>
      </left>
      <right style="thin">
        <color rgb="FF000000"/>
      </right>
      <top/>
      <bottom/>
      <diagonal/>
    </border>
    <border>
      <left style="thin">
        <color rgb="FF000000"/>
      </left>
      <right style="thin">
        <color auto="1"/>
      </right>
      <top style="thin">
        <color rgb="FF000000"/>
      </top>
      <bottom/>
      <diagonal/>
    </border>
    <border>
      <left style="thin">
        <color rgb="FF000000"/>
      </left>
      <right style="thin">
        <color auto="1"/>
      </right>
      <top/>
      <bottom style="thin">
        <color indexed="64"/>
      </bottom>
      <diagonal/>
    </border>
    <border>
      <left style="thin">
        <color auto="1"/>
      </left>
      <right style="thin">
        <color auto="1"/>
      </right>
      <top style="thin">
        <color rgb="FF000000"/>
      </top>
      <bottom/>
      <diagonal/>
    </border>
    <border>
      <left style="thin">
        <color auto="1"/>
      </left>
      <right style="thin">
        <color auto="1"/>
      </right>
      <top/>
      <bottom style="thin">
        <color rgb="FF000000"/>
      </bottom>
      <diagonal/>
    </border>
    <border>
      <left style="thin">
        <color auto="1"/>
      </left>
      <right style="thin">
        <color rgb="FF000000"/>
      </right>
      <top/>
      <bottom style="thin">
        <color auto="1"/>
      </bottom>
      <diagonal/>
    </border>
    <border>
      <left style="thin">
        <color rgb="FF000000"/>
      </left>
      <right style="thin">
        <color auto="1"/>
      </right>
      <top style="thin">
        <color auto="1"/>
      </top>
      <bottom style="thin">
        <color indexed="64"/>
      </bottom>
      <diagonal/>
    </border>
    <border>
      <left style="thin">
        <color auto="1"/>
      </left>
      <right style="thin">
        <color rgb="FF000000"/>
      </right>
      <top style="thin">
        <color auto="1"/>
      </top>
      <bottom style="thin">
        <color indexed="64"/>
      </bottom>
      <diagonal/>
    </border>
    <border>
      <left style="thin">
        <color rgb="FF000000"/>
      </left>
      <right style="thin">
        <color auto="1"/>
      </right>
      <top style="thin">
        <color rgb="FF000000"/>
      </top>
      <bottom style="thin">
        <color indexed="64"/>
      </bottom>
      <diagonal/>
    </border>
    <border>
      <left/>
      <right style="thin">
        <color rgb="FF000000"/>
      </right>
      <top style="thin">
        <color rgb="FF000000"/>
      </top>
      <bottom/>
      <diagonal/>
    </border>
    <border>
      <left/>
      <right/>
      <top/>
      <bottom style="medium">
        <color auto="1"/>
      </bottom>
      <diagonal/>
    </border>
    <border>
      <left style="medium">
        <color auto="1"/>
      </left>
      <right/>
      <top style="medium">
        <color auto="1"/>
      </top>
      <bottom style="medium">
        <color auto="1"/>
      </bottom>
      <diagonal/>
    </border>
    <border>
      <left style="medium">
        <color auto="1"/>
      </left>
      <right/>
      <top style="medium">
        <color auto="1"/>
      </top>
      <bottom/>
      <diagonal/>
    </border>
    <border>
      <left/>
      <right style="medium">
        <color auto="1"/>
      </right>
      <top style="medium">
        <color auto="1"/>
      </top>
      <bottom style="medium">
        <color auto="1"/>
      </bottom>
      <diagonal/>
    </border>
    <border>
      <left style="medium">
        <color auto="1"/>
      </left>
      <right/>
      <top/>
      <bottom/>
      <diagonal/>
    </border>
    <border>
      <left/>
      <right style="medium">
        <color auto="1"/>
      </right>
      <top/>
      <bottom/>
      <diagonal/>
    </border>
    <border>
      <left style="medium">
        <color auto="1"/>
      </left>
      <right/>
      <top/>
      <bottom style="medium">
        <color auto="1"/>
      </bottom>
      <diagonal/>
    </border>
    <border>
      <left/>
      <right style="medium">
        <color auto="1"/>
      </right>
      <top/>
      <bottom style="medium">
        <color auto="1"/>
      </bottom>
      <diagonal/>
    </border>
    <border>
      <left style="medium">
        <color auto="1"/>
      </left>
      <right style="medium">
        <color auto="1"/>
      </right>
      <top style="medium">
        <color auto="1"/>
      </top>
      <bottom style="medium">
        <color auto="1"/>
      </bottom>
      <diagonal/>
    </border>
    <border>
      <left/>
      <right/>
      <top style="medium">
        <color auto="1"/>
      </top>
      <bottom style="medium">
        <color auto="1"/>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medium">
        <color auto="1"/>
      </right>
      <top style="medium">
        <color auto="1"/>
      </top>
      <bottom/>
      <diagonal/>
    </border>
    <border>
      <left/>
      <right/>
      <top style="medium">
        <color auto="1"/>
      </top>
      <bottom/>
      <diagonal/>
    </border>
    <border>
      <left/>
      <right style="thin">
        <color auto="1"/>
      </right>
      <top style="thin">
        <color rgb="FF000000"/>
      </top>
      <bottom/>
      <diagonal/>
    </border>
  </borders>
  <cellStyleXfs count="27">
    <xf numFmtId="0" fontId="0" fillId="0" borderId="0">
      <alignment vertical="center"/>
    </xf>
    <xf numFmtId="9" fontId="20" fillId="0" borderId="0" applyFont="0" applyFill="0" applyBorder="0" applyAlignment="0" applyProtection="0">
      <alignment vertical="center"/>
    </xf>
    <xf numFmtId="0" fontId="20" fillId="0" borderId="0"/>
    <xf numFmtId="0" fontId="24" fillId="0" borderId="0"/>
    <xf numFmtId="0" fontId="23" fillId="0" borderId="0" applyProtection="0">
      <alignment vertical="center"/>
    </xf>
    <xf numFmtId="0" fontId="22" fillId="0" borderId="0" applyProtection="0">
      <alignment vertical="center"/>
    </xf>
    <xf numFmtId="0" fontId="22" fillId="0" borderId="0"/>
    <xf numFmtId="0" fontId="22" fillId="0" borderId="0">
      <alignment vertical="center"/>
    </xf>
    <xf numFmtId="0" fontId="20" fillId="0" borderId="0">
      <alignment vertical="center"/>
    </xf>
    <xf numFmtId="164" fontId="20" fillId="0" borderId="0" applyFont="0" applyFill="0" applyBorder="0" applyAlignment="0" applyProtection="0">
      <alignment vertical="center"/>
    </xf>
    <xf numFmtId="0" fontId="20" fillId="0" borderId="0"/>
    <xf numFmtId="166" fontId="24" fillId="0" borderId="0" applyFont="0" applyFill="0" applyBorder="0" applyAlignment="0" applyProtection="0"/>
    <xf numFmtId="0" fontId="21" fillId="0" borderId="0"/>
    <xf numFmtId="0" fontId="30" fillId="0" borderId="0">
      <alignment vertical="center"/>
    </xf>
    <xf numFmtId="9" fontId="30" fillId="0" borderId="0" applyFont="0" applyFill="0" applyBorder="0" applyAlignment="0" applyProtection="0"/>
    <xf numFmtId="0" fontId="43" fillId="0" borderId="0" applyNumberFormat="0" applyFill="0" applyBorder="0" applyAlignment="0" applyProtection="0">
      <alignment vertical="top"/>
      <protection locked="0"/>
    </xf>
    <xf numFmtId="0" fontId="30" fillId="0" borderId="0"/>
    <xf numFmtId="0" fontId="20" fillId="0" borderId="0">
      <alignment vertical="center"/>
    </xf>
    <xf numFmtId="0" fontId="20" fillId="0" borderId="0">
      <alignment vertical="center"/>
    </xf>
    <xf numFmtId="0" fontId="22" fillId="0" borderId="0">
      <alignment vertical="center"/>
    </xf>
    <xf numFmtId="0" fontId="52" fillId="0" borderId="0" applyNumberFormat="0" applyFill="0" applyBorder="0" applyAlignment="0" applyProtection="0">
      <alignment vertical="center"/>
    </xf>
    <xf numFmtId="0" fontId="20" fillId="0" borderId="0">
      <alignment vertical="center"/>
    </xf>
    <xf numFmtId="0" fontId="54" fillId="0" borderId="0">
      <alignment vertical="center"/>
    </xf>
    <xf numFmtId="0" fontId="30" fillId="0" borderId="0"/>
    <xf numFmtId="0" fontId="20" fillId="0" borderId="0">
      <alignment vertical="center"/>
    </xf>
    <xf numFmtId="0" fontId="20" fillId="0" borderId="0">
      <alignment vertical="center"/>
    </xf>
    <xf numFmtId="44" fontId="136" fillId="0" borderId="0" applyFont="0" applyFill="0" applyBorder="0" applyAlignment="0" applyProtection="0"/>
  </cellStyleXfs>
  <cellXfs count="803">
    <xf numFmtId="0" fontId="0" fillId="0" borderId="0" xfId="0">
      <alignment vertical="center"/>
    </xf>
    <xf numFmtId="0" fontId="1" fillId="0" borderId="1" xfId="7" applyFont="1" applyBorder="1" applyAlignment="1">
      <alignment horizontal="center" vertical="center" wrapText="1"/>
    </xf>
    <xf numFmtId="0" fontId="1" fillId="0" borderId="1" xfId="7" applyFont="1" applyBorder="1" applyAlignment="1">
      <alignment horizontal="center" vertical="center"/>
    </xf>
    <xf numFmtId="0" fontId="4" fillId="0" borderId="1" xfId="0" applyFont="1" applyBorder="1" applyAlignment="1">
      <alignment horizontal="left" vertical="center"/>
    </xf>
    <xf numFmtId="0" fontId="5" fillId="0" borderId="1" xfId="3" applyFont="1" applyBorder="1" applyAlignment="1">
      <alignment horizontal="left" vertical="center"/>
    </xf>
    <xf numFmtId="0" fontId="3" fillId="0" borderId="1" xfId="7" applyFont="1" applyBorder="1" applyAlignment="1">
      <alignment horizontal="left" vertical="center"/>
    </xf>
    <xf numFmtId="0" fontId="5" fillId="0" borderId="1" xfId="3" applyFont="1" applyBorder="1" applyAlignment="1">
      <alignment horizontal="center" vertical="center"/>
    </xf>
    <xf numFmtId="0" fontId="9" fillId="0" borderId="0" xfId="3" applyFont="1" applyAlignment="1">
      <alignment vertical="center"/>
    </xf>
    <xf numFmtId="0" fontId="9" fillId="0" borderId="0" xfId="0" applyFont="1" applyAlignment="1"/>
    <xf numFmtId="0" fontId="10" fillId="2" borderId="0" xfId="3" applyFont="1" applyFill="1"/>
    <xf numFmtId="0" fontId="11" fillId="2" borderId="0" xfId="3" applyFont="1" applyFill="1"/>
    <xf numFmtId="0" fontId="12" fillId="2" borderId="0" xfId="3" applyFont="1" applyFill="1"/>
    <xf numFmtId="0" fontId="9" fillId="0" borderId="0" xfId="3" applyFont="1"/>
    <xf numFmtId="0" fontId="9" fillId="0" borderId="0" xfId="3" applyFont="1" applyAlignment="1">
      <alignment horizontal="left"/>
    </xf>
    <xf numFmtId="0" fontId="9" fillId="0" borderId="0" xfId="3" applyFont="1" applyAlignment="1">
      <alignment wrapText="1"/>
    </xf>
    <xf numFmtId="0" fontId="13" fillId="3" borderId="2" xfId="0" applyFont="1" applyFill="1" applyBorder="1" applyAlignment="1">
      <alignment horizontal="center" vertical="center" wrapText="1"/>
    </xf>
    <xf numFmtId="0" fontId="13" fillId="3" borderId="3" xfId="0" applyFont="1" applyFill="1" applyBorder="1" applyAlignment="1">
      <alignment horizontal="center" vertical="center" wrapText="1"/>
    </xf>
    <xf numFmtId="0" fontId="12" fillId="4" borderId="4" xfId="0" applyFont="1" applyFill="1" applyBorder="1">
      <alignment vertical="center"/>
    </xf>
    <xf numFmtId="0" fontId="12" fillId="4" borderId="5" xfId="0" applyFont="1" applyFill="1" applyBorder="1">
      <alignment vertical="center"/>
    </xf>
    <xf numFmtId="0" fontId="10" fillId="0" borderId="0" xfId="3" applyFont="1" applyAlignment="1">
      <alignment vertical="center"/>
    </xf>
    <xf numFmtId="0" fontId="10" fillId="0" borderId="0" xfId="3" applyFont="1" applyAlignment="1">
      <alignment horizontal="center" vertical="center"/>
    </xf>
    <xf numFmtId="0" fontId="10" fillId="0" borderId="0" xfId="3" applyFont="1" applyAlignment="1">
      <alignment vertical="center" wrapText="1"/>
    </xf>
    <xf numFmtId="0" fontId="10" fillId="0" borderId="0" xfId="3" applyFont="1"/>
    <xf numFmtId="0" fontId="12" fillId="4" borderId="6" xfId="3" applyFont="1" applyFill="1" applyBorder="1" applyAlignment="1">
      <alignment vertical="center"/>
    </xf>
    <xf numFmtId="0" fontId="12" fillId="4" borderId="7" xfId="3" applyFont="1" applyFill="1" applyBorder="1" applyAlignment="1">
      <alignment vertical="center"/>
    </xf>
    <xf numFmtId="0" fontId="12" fillId="4" borderId="7" xfId="3" applyFont="1" applyFill="1" applyBorder="1" applyAlignment="1">
      <alignment vertical="center" wrapText="1"/>
    </xf>
    <xf numFmtId="0" fontId="11" fillId="0" borderId="8" xfId="3" applyFont="1" applyBorder="1" applyAlignment="1">
      <alignment vertical="center"/>
    </xf>
    <xf numFmtId="0" fontId="11" fillId="0" borderId="9" xfId="3" applyFont="1" applyBorder="1" applyAlignment="1">
      <alignment horizontal="center" vertical="center"/>
    </xf>
    <xf numFmtId="0" fontId="11" fillId="0" borderId="8" xfId="3" applyFont="1" applyBorder="1" applyAlignment="1">
      <alignment vertical="center" wrapText="1"/>
    </xf>
    <xf numFmtId="0" fontId="11" fillId="0" borderId="0" xfId="3" applyFont="1"/>
    <xf numFmtId="0" fontId="11" fillId="0" borderId="10" xfId="3" applyFont="1" applyBorder="1" applyAlignment="1">
      <alignment horizontal="center" vertical="center"/>
    </xf>
    <xf numFmtId="0" fontId="14" fillId="0" borderId="0" xfId="3" applyFont="1" applyAlignment="1">
      <alignment horizontal="left"/>
    </xf>
    <xf numFmtId="0" fontId="12" fillId="0" borderId="8" xfId="3" applyFont="1" applyBorder="1" applyAlignment="1">
      <alignment vertical="center"/>
    </xf>
    <xf numFmtId="0" fontId="12" fillId="0" borderId="9" xfId="3" applyFont="1" applyBorder="1" applyAlignment="1">
      <alignment horizontal="center" vertical="center"/>
    </xf>
    <xf numFmtId="0" fontId="12" fillId="0" borderId="8" xfId="3" applyFont="1" applyBorder="1" applyAlignment="1">
      <alignment vertical="center" wrapText="1"/>
    </xf>
    <xf numFmtId="0" fontId="15" fillId="0" borderId="0" xfId="3" applyFont="1"/>
    <xf numFmtId="0" fontId="12" fillId="0" borderId="0" xfId="3" applyFont="1"/>
    <xf numFmtId="0" fontId="12" fillId="0" borderId="10" xfId="3" applyFont="1" applyBorder="1" applyAlignment="1">
      <alignment horizontal="center" vertical="center"/>
    </xf>
    <xf numFmtId="0" fontId="12" fillId="0" borderId="0" xfId="3" applyFont="1" applyAlignment="1">
      <alignment vertical="center"/>
    </xf>
    <xf numFmtId="0" fontId="12" fillId="0" borderId="0" xfId="3" applyFont="1" applyAlignment="1">
      <alignment horizontal="center" vertical="center"/>
    </xf>
    <xf numFmtId="0" fontId="1" fillId="0" borderId="0" xfId="3" applyFont="1" applyAlignment="1">
      <alignment horizontal="center" vertical="center" wrapText="1"/>
    </xf>
    <xf numFmtId="0" fontId="5" fillId="0" borderId="0" xfId="3" applyFont="1" applyAlignment="1">
      <alignment vertical="center" wrapText="1"/>
    </xf>
    <xf numFmtId="0" fontId="8" fillId="0" borderId="0" xfId="3" applyFont="1" applyAlignment="1">
      <alignment vertical="center" wrapText="1"/>
    </xf>
    <xf numFmtId="0" fontId="5" fillId="0" borderId="0" xfId="3" applyFont="1" applyAlignment="1">
      <alignment vertical="center"/>
    </xf>
    <xf numFmtId="0" fontId="8" fillId="0" borderId="0" xfId="3" applyFont="1" applyAlignment="1">
      <alignment vertical="center"/>
    </xf>
    <xf numFmtId="0" fontId="17" fillId="0" borderId="0" xfId="0" applyFont="1">
      <alignment vertical="center"/>
    </xf>
    <xf numFmtId="0" fontId="6" fillId="0" borderId="1" xfId="0" applyFont="1" applyBorder="1" applyAlignment="1">
      <alignment horizontal="left" vertical="center"/>
    </xf>
    <xf numFmtId="0" fontId="6" fillId="0" borderId="1" xfId="0" applyFont="1" applyBorder="1" applyAlignment="1">
      <alignment horizontal="center" vertical="center"/>
    </xf>
    <xf numFmtId="0" fontId="16" fillId="0" borderId="1" xfId="3" applyFont="1" applyBorder="1" applyAlignment="1">
      <alignment horizontal="center" vertical="center"/>
    </xf>
    <xf numFmtId="0" fontId="8" fillId="0" borderId="1" xfId="3" applyFont="1" applyBorder="1" applyAlignment="1">
      <alignment horizontal="center" vertical="center"/>
    </xf>
    <xf numFmtId="0" fontId="4" fillId="0" borderId="1" xfId="0" applyFont="1" applyBorder="1" applyAlignment="1">
      <alignment horizontal="center" vertical="center"/>
    </xf>
    <xf numFmtId="0" fontId="1" fillId="0" borderId="0" xfId="3" applyFont="1" applyAlignment="1">
      <alignment horizontal="center" vertical="center"/>
    </xf>
    <xf numFmtId="0" fontId="8" fillId="0" borderId="0" xfId="3" applyFont="1" applyAlignment="1">
      <alignment horizontal="center" vertical="center"/>
    </xf>
    <xf numFmtId="0" fontId="30" fillId="0" borderId="0" xfId="13">
      <alignment vertical="center"/>
    </xf>
    <xf numFmtId="0" fontId="38" fillId="6" borderId="11" xfId="13" applyFont="1" applyFill="1" applyBorder="1" applyAlignment="1">
      <alignment horizontal="left" vertical="center"/>
    </xf>
    <xf numFmtId="0" fontId="38" fillId="7" borderId="0" xfId="13" applyFont="1" applyFill="1" applyAlignment="1">
      <alignment horizontal="left" vertical="center" wrapText="1"/>
    </xf>
    <xf numFmtId="0" fontId="37" fillId="0" borderId="7" xfId="3" applyFont="1" applyBorder="1" applyAlignment="1">
      <alignment horizontal="left" vertical="center"/>
    </xf>
    <xf numFmtId="3" fontId="9" fillId="7" borderId="0" xfId="14" applyNumberFormat="1" applyFont="1" applyFill="1" applyAlignment="1">
      <alignment vertical="center"/>
    </xf>
    <xf numFmtId="0" fontId="38" fillId="8" borderId="12" xfId="3" applyFont="1" applyFill="1" applyBorder="1" applyAlignment="1">
      <alignment vertical="center"/>
    </xf>
    <xf numFmtId="167" fontId="9" fillId="0" borderId="1" xfId="14" applyNumberFormat="1" applyFont="1" applyBorder="1" applyAlignment="1">
      <alignment vertical="center"/>
    </xf>
    <xf numFmtId="9" fontId="9" fillId="0" borderId="1" xfId="14" applyFont="1" applyBorder="1" applyAlignment="1">
      <alignment vertical="center"/>
    </xf>
    <xf numFmtId="0" fontId="19" fillId="0" borderId="0" xfId="3" applyFont="1" applyAlignment="1">
      <alignment vertical="center" wrapText="1"/>
    </xf>
    <xf numFmtId="0" fontId="38" fillId="6" borderId="11" xfId="13" applyFont="1" applyFill="1" applyBorder="1" applyAlignment="1">
      <alignment horizontal="center" vertical="center" wrapText="1"/>
    </xf>
    <xf numFmtId="0" fontId="38" fillId="6" borderId="11" xfId="13" applyFont="1" applyFill="1" applyBorder="1" applyAlignment="1">
      <alignment horizontal="right" vertical="center"/>
    </xf>
    <xf numFmtId="0" fontId="38" fillId="8" borderId="7" xfId="3" applyFont="1" applyFill="1" applyBorder="1" applyAlignment="1">
      <alignment vertical="center"/>
    </xf>
    <xf numFmtId="165" fontId="39" fillId="0" borderId="13" xfId="13" applyNumberFormat="1" applyFont="1" applyBorder="1" applyAlignment="1">
      <alignment horizontal="center" vertical="center"/>
    </xf>
    <xf numFmtId="167" fontId="39" fillId="0" borderId="1" xfId="13" applyNumberFormat="1" applyFont="1" applyBorder="1" applyAlignment="1">
      <alignment horizontal="right" vertical="center"/>
    </xf>
    <xf numFmtId="0" fontId="40" fillId="0" borderId="0" xfId="0" applyFont="1">
      <alignment vertical="center"/>
    </xf>
    <xf numFmtId="0" fontId="38" fillId="0" borderId="7" xfId="3" applyFont="1" applyBorder="1" applyAlignment="1">
      <alignment horizontal="left" vertical="center"/>
    </xf>
    <xf numFmtId="0" fontId="6" fillId="0" borderId="1" xfId="0" applyFont="1" applyBorder="1" applyAlignment="1">
      <alignment vertical="top" wrapText="1"/>
    </xf>
    <xf numFmtId="0" fontId="6" fillId="0" borderId="1" xfId="0" applyFont="1" applyBorder="1" applyAlignment="1">
      <alignment vertical="top"/>
    </xf>
    <xf numFmtId="0" fontId="18" fillId="9" borderId="1" xfId="3" applyFont="1" applyFill="1" applyBorder="1" applyAlignment="1">
      <alignment horizontal="center" vertical="center"/>
    </xf>
    <xf numFmtId="0" fontId="6" fillId="9" borderId="1" xfId="0" applyFont="1" applyFill="1" applyBorder="1" applyAlignment="1">
      <alignment horizontal="center" vertical="center"/>
    </xf>
    <xf numFmtId="0" fontId="6" fillId="9" borderId="1" xfId="0" applyFont="1" applyFill="1" applyBorder="1">
      <alignment vertical="center"/>
    </xf>
    <xf numFmtId="168" fontId="41" fillId="9" borderId="1" xfId="3" applyNumberFormat="1" applyFont="1" applyFill="1" applyBorder="1" applyAlignment="1">
      <alignment horizontal="left" vertical="center"/>
    </xf>
    <xf numFmtId="167" fontId="39" fillId="9" borderId="1" xfId="13" applyNumberFormat="1" applyFont="1" applyFill="1" applyBorder="1" applyAlignment="1">
      <alignment horizontal="right" vertical="center"/>
    </xf>
    <xf numFmtId="167" fontId="9" fillId="9" borderId="1" xfId="14" applyNumberFormat="1" applyFont="1" applyFill="1" applyBorder="1" applyAlignment="1">
      <alignment vertical="center"/>
    </xf>
    <xf numFmtId="9" fontId="9" fillId="9" borderId="1" xfId="14" applyFont="1" applyFill="1" applyBorder="1" applyAlignment="1">
      <alignment vertical="center"/>
    </xf>
    <xf numFmtId="0" fontId="6" fillId="9" borderId="1" xfId="0" applyFont="1" applyFill="1" applyBorder="1" applyAlignment="1">
      <alignment vertical="top"/>
    </xf>
    <xf numFmtId="0" fontId="38" fillId="8" borderId="6" xfId="3" applyFont="1" applyFill="1" applyBorder="1" applyAlignment="1">
      <alignment vertical="center"/>
    </xf>
    <xf numFmtId="0" fontId="37" fillId="8" borderId="7" xfId="3" applyFont="1" applyFill="1" applyBorder="1" applyAlignment="1">
      <alignment vertical="center"/>
    </xf>
    <xf numFmtId="0" fontId="38" fillId="8" borderId="16" xfId="3" applyFont="1" applyFill="1" applyBorder="1" applyAlignment="1">
      <alignment horizontal="left" vertical="center"/>
    </xf>
    <xf numFmtId="0" fontId="38" fillId="8" borderId="0" xfId="3" applyFont="1" applyFill="1" applyAlignment="1">
      <alignment horizontal="left" vertical="center"/>
    </xf>
    <xf numFmtId="0" fontId="7" fillId="0" borderId="1" xfId="3" applyFont="1" applyBorder="1" applyAlignment="1">
      <alignment horizontal="left" vertical="top" wrapText="1"/>
    </xf>
    <xf numFmtId="0" fontId="5" fillId="0" borderId="1" xfId="3" applyFont="1" applyBorder="1" applyAlignment="1">
      <alignment horizontal="left" vertical="top" wrapText="1"/>
    </xf>
    <xf numFmtId="0" fontId="42" fillId="10" borderId="6" xfId="3" applyFont="1" applyFill="1" applyBorder="1" applyAlignment="1">
      <alignment horizontal="left" vertical="center"/>
    </xf>
    <xf numFmtId="0" fontId="0" fillId="10" borderId="1" xfId="0" applyFill="1" applyBorder="1">
      <alignment vertical="center"/>
    </xf>
    <xf numFmtId="0" fontId="16" fillId="10" borderId="1" xfId="3" applyFont="1" applyFill="1" applyBorder="1" applyAlignment="1">
      <alignment horizontal="left" vertical="center"/>
    </xf>
    <xf numFmtId="0" fontId="7" fillId="0" borderId="1" xfId="7" applyFont="1" applyBorder="1" applyAlignment="1">
      <alignment horizontal="left" vertical="center"/>
    </xf>
    <xf numFmtId="0" fontId="4" fillId="0" borderId="1" xfId="0" applyFont="1" applyBorder="1">
      <alignment vertical="center"/>
    </xf>
    <xf numFmtId="168" fontId="39" fillId="0" borderId="1" xfId="3" applyNumberFormat="1" applyFont="1" applyBorder="1" applyAlignment="1">
      <alignment horizontal="left" vertical="center"/>
    </xf>
    <xf numFmtId="168" fontId="39" fillId="9" borderId="1" xfId="3" applyNumberFormat="1" applyFont="1" applyFill="1" applyBorder="1" applyAlignment="1">
      <alignment horizontal="left" vertical="center"/>
    </xf>
    <xf numFmtId="0" fontId="44" fillId="0" borderId="1" xfId="0" applyFont="1" applyBorder="1">
      <alignment vertical="center"/>
    </xf>
    <xf numFmtId="0" fontId="44" fillId="0" borderId="1" xfId="3" applyFont="1" applyBorder="1" applyAlignment="1">
      <alignment horizontal="left" vertical="center"/>
    </xf>
    <xf numFmtId="0" fontId="38" fillId="6" borderId="11" xfId="0" applyFont="1" applyFill="1" applyBorder="1" applyAlignment="1">
      <alignment horizontal="center" vertical="center" wrapText="1"/>
    </xf>
    <xf numFmtId="0" fontId="45" fillId="0" borderId="6" xfId="3" applyFont="1" applyBorder="1" applyAlignment="1">
      <alignment horizontal="left" vertical="center"/>
    </xf>
    <xf numFmtId="0" fontId="46" fillId="11" borderId="1" xfId="0" applyFont="1" applyFill="1" applyBorder="1" applyAlignment="1">
      <alignment horizontal="left" vertical="center"/>
    </xf>
    <xf numFmtId="0" fontId="46" fillId="11" borderId="1" xfId="0" applyFont="1" applyFill="1" applyBorder="1" applyAlignment="1">
      <alignment horizontal="center" vertical="center"/>
    </xf>
    <xf numFmtId="0" fontId="46" fillId="11" borderId="1" xfId="0" applyFont="1" applyFill="1" applyBorder="1" applyAlignment="1">
      <alignment horizontal="center" vertical="center" wrapText="1"/>
    </xf>
    <xf numFmtId="49" fontId="46" fillId="11" borderId="1" xfId="0" applyNumberFormat="1" applyFont="1" applyFill="1" applyBorder="1" applyAlignment="1">
      <alignment horizontal="center" vertical="center" wrapText="1"/>
    </xf>
    <xf numFmtId="0" fontId="9" fillId="0" borderId="0" xfId="3" applyFont="1" applyAlignment="1">
      <alignment horizontal="center" vertical="center"/>
    </xf>
    <xf numFmtId="0" fontId="9" fillId="0" borderId="0" xfId="3" applyFont="1" applyAlignment="1">
      <alignment horizontal="left" vertical="center"/>
    </xf>
    <xf numFmtId="0" fontId="34" fillId="0" borderId="1" xfId="0" applyFont="1" applyBorder="1">
      <alignment vertical="center"/>
    </xf>
    <xf numFmtId="0" fontId="30" fillId="0" borderId="1" xfId="0" applyFont="1" applyBorder="1">
      <alignment vertical="center"/>
    </xf>
    <xf numFmtId="167" fontId="47" fillId="0" borderId="1" xfId="14" applyNumberFormat="1" applyFont="1" applyBorder="1" applyAlignment="1">
      <alignment horizontal="center" vertical="center"/>
    </xf>
    <xf numFmtId="165" fontId="39" fillId="0" borderId="13" xfId="13" applyNumberFormat="1" applyFont="1" applyFill="1" applyBorder="1" applyAlignment="1">
      <alignment horizontal="center" vertical="center"/>
    </xf>
    <xf numFmtId="0" fontId="48" fillId="0" borderId="1" xfId="0" applyFont="1" applyBorder="1" applyAlignment="1">
      <alignment horizontal="left" vertical="center"/>
    </xf>
    <xf numFmtId="0" fontId="5" fillId="0" borderId="1" xfId="3" applyFont="1" applyFill="1" applyBorder="1" applyAlignment="1">
      <alignment vertical="center"/>
    </xf>
    <xf numFmtId="0" fontId="49" fillId="0" borderId="1" xfId="0" applyFont="1" applyBorder="1" applyAlignment="1">
      <alignment horizontal="left" vertical="center" wrapText="1"/>
    </xf>
    <xf numFmtId="0" fontId="49" fillId="0" borderId="1" xfId="0" applyFont="1" applyBorder="1" applyAlignment="1">
      <alignment horizontal="center" vertical="center" wrapText="1"/>
    </xf>
    <xf numFmtId="0" fontId="50" fillId="13" borderId="7" xfId="0" applyFont="1" applyFill="1" applyBorder="1" applyAlignment="1">
      <alignment vertical="center" wrapText="1"/>
    </xf>
    <xf numFmtId="0" fontId="50" fillId="13" borderId="14" xfId="0" applyFont="1" applyFill="1" applyBorder="1" applyAlignment="1">
      <alignment vertical="center" wrapText="1"/>
    </xf>
    <xf numFmtId="0" fontId="49" fillId="0" borderId="13" xfId="0" applyFont="1" applyBorder="1" applyAlignment="1">
      <alignment vertical="center" wrapText="1"/>
    </xf>
    <xf numFmtId="0" fontId="49" fillId="0" borderId="18" xfId="0" applyFont="1" applyBorder="1" applyAlignment="1">
      <alignment vertical="center" wrapText="1"/>
    </xf>
    <xf numFmtId="0" fontId="49" fillId="0" borderId="11" xfId="0" applyFont="1" applyBorder="1" applyAlignment="1">
      <alignment vertical="center" wrapText="1"/>
    </xf>
    <xf numFmtId="0" fontId="49" fillId="14" borderId="1" xfId="0" applyFont="1" applyFill="1" applyBorder="1" applyAlignment="1">
      <alignment horizontal="center" vertical="center"/>
    </xf>
    <xf numFmtId="0" fontId="45" fillId="0" borderId="7" xfId="3" applyFont="1" applyBorder="1" applyAlignment="1">
      <alignment horizontal="left" vertical="center"/>
    </xf>
    <xf numFmtId="0" fontId="38" fillId="8" borderId="0" xfId="3" applyFont="1" applyFill="1" applyBorder="1" applyAlignment="1">
      <alignment horizontal="left" vertical="center"/>
    </xf>
    <xf numFmtId="0" fontId="18" fillId="0" borderId="1" xfId="3" applyFont="1" applyFill="1" applyBorder="1" applyAlignment="1">
      <alignment horizontal="center" vertical="center"/>
    </xf>
    <xf numFmtId="0" fontId="8" fillId="0" borderId="6" xfId="3" applyFont="1" applyBorder="1" applyAlignment="1">
      <alignment horizontal="center" vertical="center"/>
    </xf>
    <xf numFmtId="0" fontId="5" fillId="0" borderId="1" xfId="3" applyFont="1" applyFill="1" applyBorder="1" applyAlignment="1">
      <alignment horizontal="left" vertical="top" wrapText="1"/>
    </xf>
    <xf numFmtId="0" fontId="5" fillId="0" borderId="1" xfId="3" applyFont="1" applyFill="1" applyBorder="1" applyAlignment="1">
      <alignment vertical="center" wrapText="1"/>
    </xf>
    <xf numFmtId="0" fontId="53" fillId="0" borderId="0" xfId="21" applyFont="1">
      <alignment vertical="center"/>
    </xf>
    <xf numFmtId="0" fontId="55" fillId="0" borderId="0" xfId="21" applyFont="1">
      <alignment vertical="center"/>
    </xf>
    <xf numFmtId="0" fontId="56" fillId="5" borderId="0" xfId="17" applyFont="1" applyFill="1">
      <alignment vertical="center"/>
    </xf>
    <xf numFmtId="49" fontId="57" fillId="5" borderId="0" xfId="17" applyNumberFormat="1" applyFont="1" applyFill="1">
      <alignment vertical="center"/>
    </xf>
    <xf numFmtId="49" fontId="57" fillId="0" borderId="0" xfId="17" applyNumberFormat="1" applyFont="1">
      <alignment vertical="center"/>
    </xf>
    <xf numFmtId="49" fontId="57" fillId="0" borderId="0" xfId="17" applyNumberFormat="1" applyFont="1" applyAlignment="1">
      <alignment horizontal="center" vertical="center"/>
    </xf>
    <xf numFmtId="0" fontId="57" fillId="0" borderId="0" xfId="17" applyFont="1">
      <alignment vertical="center"/>
    </xf>
    <xf numFmtId="0" fontId="58" fillId="3" borderId="0" xfId="17" applyFont="1" applyFill="1" applyAlignment="1">
      <alignment horizontal="center" vertical="center" wrapText="1"/>
    </xf>
    <xf numFmtId="0" fontId="59" fillId="3" borderId="0" xfId="17" applyFont="1" applyFill="1">
      <alignment vertical="center"/>
    </xf>
    <xf numFmtId="49" fontId="60" fillId="15" borderId="0" xfId="17" applyNumberFormat="1" applyFont="1" applyFill="1" applyAlignment="1">
      <alignment horizontal="left" vertical="center"/>
    </xf>
    <xf numFmtId="0" fontId="60" fillId="15" borderId="0" xfId="17" applyFont="1" applyFill="1" applyAlignment="1">
      <alignment horizontal="left" vertical="center"/>
    </xf>
    <xf numFmtId="0" fontId="61" fillId="16" borderId="19" xfId="0" applyFont="1" applyFill="1" applyBorder="1" applyAlignment="1">
      <alignment horizontal="center" vertical="center" wrapText="1" readingOrder="1"/>
    </xf>
    <xf numFmtId="0" fontId="61" fillId="16" borderId="20" xfId="0" applyFont="1" applyFill="1" applyBorder="1" applyAlignment="1">
      <alignment vertical="center" wrapText="1" readingOrder="1"/>
    </xf>
    <xf numFmtId="0" fontId="61" fillId="16" borderId="21" xfId="0" applyFont="1" applyFill="1" applyBorder="1" applyAlignment="1">
      <alignment vertical="center" wrapText="1" readingOrder="1"/>
    </xf>
    <xf numFmtId="0" fontId="61" fillId="16" borderId="20" xfId="0" applyFont="1" applyFill="1" applyBorder="1" applyAlignment="1">
      <alignment horizontal="center" vertical="center" wrapText="1" readingOrder="1"/>
    </xf>
    <xf numFmtId="0" fontId="62" fillId="17" borderId="22" xfId="0" applyFont="1" applyFill="1" applyBorder="1" applyAlignment="1">
      <alignment horizontal="center" vertical="center" wrapText="1" readingOrder="1"/>
    </xf>
    <xf numFmtId="0" fontId="62" fillId="17" borderId="23" xfId="0" applyFont="1" applyFill="1" applyBorder="1" applyAlignment="1">
      <alignment horizontal="center" vertical="center" wrapText="1" readingOrder="1"/>
    </xf>
    <xf numFmtId="0" fontId="62" fillId="17" borderId="24" xfId="0" applyFont="1" applyFill="1" applyBorder="1" applyAlignment="1">
      <alignment vertical="center" wrapText="1" readingOrder="1"/>
    </xf>
    <xf numFmtId="49" fontId="57" fillId="15" borderId="0" xfId="17" applyNumberFormat="1" applyFont="1" applyFill="1" applyAlignment="1">
      <alignment horizontal="left" vertical="center"/>
    </xf>
    <xf numFmtId="0" fontId="63" fillId="15" borderId="0" xfId="0" applyFont="1" applyFill="1" applyAlignment="1">
      <alignment horizontal="left" vertical="center" readingOrder="1"/>
    </xf>
    <xf numFmtId="49" fontId="57" fillId="18" borderId="0" xfId="17" applyNumberFormat="1" applyFont="1" applyFill="1" applyAlignment="1">
      <alignment horizontal="left" vertical="center"/>
    </xf>
    <xf numFmtId="0" fontId="65" fillId="15" borderId="0" xfId="0" applyFont="1" applyFill="1">
      <alignment vertical="center"/>
    </xf>
    <xf numFmtId="49" fontId="57" fillId="15" borderId="0" xfId="17" applyNumberFormat="1" applyFont="1" applyFill="1">
      <alignment vertical="center"/>
    </xf>
    <xf numFmtId="0" fontId="63" fillId="15" borderId="0" xfId="0" applyFont="1" applyFill="1">
      <alignment vertical="center"/>
    </xf>
    <xf numFmtId="0" fontId="67" fillId="3" borderId="0" xfId="17" applyFont="1" applyFill="1" applyAlignment="1">
      <alignment horizontal="center" vertical="center" wrapText="1"/>
    </xf>
    <xf numFmtId="0" fontId="68" fillId="3" borderId="0" xfId="17" applyFont="1" applyFill="1" applyAlignment="1">
      <alignment horizontal="center" vertical="center" wrapText="1"/>
    </xf>
    <xf numFmtId="49" fontId="39" fillId="18" borderId="0" xfId="17" applyNumberFormat="1" applyFont="1" applyFill="1" applyAlignment="1">
      <alignment horizontal="center" vertical="center"/>
    </xf>
    <xf numFmtId="0" fontId="70" fillId="3" borderId="0" xfId="17" applyFont="1" applyFill="1" applyAlignment="1">
      <alignment horizontal="center" vertical="center" wrapText="1"/>
    </xf>
    <xf numFmtId="0" fontId="71" fillId="3" borderId="0" xfId="17" applyFont="1" applyFill="1" applyAlignment="1">
      <alignment horizontal="center" vertical="center" wrapText="1"/>
    </xf>
    <xf numFmtId="49" fontId="72" fillId="18" borderId="0" xfId="17" applyNumberFormat="1" applyFont="1" applyFill="1">
      <alignment vertical="center"/>
    </xf>
    <xf numFmtId="49" fontId="57" fillId="18" borderId="0" xfId="17" applyNumberFormat="1" applyFont="1" applyFill="1">
      <alignment vertical="center"/>
    </xf>
    <xf numFmtId="49" fontId="60" fillId="18" borderId="0" xfId="17" applyNumberFormat="1" applyFont="1" applyFill="1" applyAlignment="1">
      <alignment horizontal="left" vertical="center"/>
    </xf>
    <xf numFmtId="49" fontId="72" fillId="18" borderId="0" xfId="17" applyNumberFormat="1" applyFont="1" applyFill="1" applyAlignment="1">
      <alignment horizontal="left" vertical="center"/>
    </xf>
    <xf numFmtId="49" fontId="73" fillId="18" borderId="0" xfId="17" applyNumberFormat="1" applyFont="1" applyFill="1" applyAlignment="1">
      <alignment horizontal="left" vertical="center"/>
    </xf>
    <xf numFmtId="49" fontId="72" fillId="0" borderId="0" xfId="17" applyNumberFormat="1" applyFont="1">
      <alignment vertical="center"/>
    </xf>
    <xf numFmtId="49" fontId="72" fillId="18" borderId="0" xfId="17" applyNumberFormat="1" applyFont="1" applyFill="1" applyAlignment="1">
      <alignment vertical="center" wrapText="1"/>
    </xf>
    <xf numFmtId="49" fontId="57" fillId="18" borderId="0" xfId="17" applyNumberFormat="1" applyFont="1" applyFill="1" applyAlignment="1">
      <alignment horizontal="center" vertical="center"/>
    </xf>
    <xf numFmtId="49" fontId="72" fillId="18" borderId="0" xfId="17" applyNumberFormat="1" applyFont="1" applyFill="1" applyAlignment="1">
      <alignment horizontal="left" vertical="center" wrapText="1"/>
    </xf>
    <xf numFmtId="49" fontId="72" fillId="0" borderId="0" xfId="17" applyNumberFormat="1" applyFont="1" applyAlignment="1">
      <alignment vertical="center" wrapText="1"/>
    </xf>
    <xf numFmtId="0" fontId="20" fillId="0" borderId="0" xfId="17">
      <alignment vertical="center"/>
    </xf>
    <xf numFmtId="0" fontId="39" fillId="18" borderId="0" xfId="17" applyFont="1" applyFill="1" applyAlignment="1">
      <alignment horizontal="center" vertical="center"/>
    </xf>
    <xf numFmtId="49" fontId="51" fillId="0" borderId="0" xfId="17" applyNumberFormat="1" applyFont="1" applyAlignment="1">
      <alignment horizontal="center" vertical="center"/>
    </xf>
    <xf numFmtId="0" fontId="75" fillId="19" borderId="0" xfId="0" applyFont="1" applyFill="1" applyAlignment="1">
      <alignment horizontal="center" vertical="center" wrapText="1"/>
    </xf>
    <xf numFmtId="49" fontId="39" fillId="20" borderId="0" xfId="0" applyNumberFormat="1" applyFont="1" applyFill="1" applyAlignment="1">
      <alignment horizontal="center" vertical="center"/>
    </xf>
    <xf numFmtId="49" fontId="39" fillId="20" borderId="0" xfId="0" quotePrefix="1" applyNumberFormat="1" applyFont="1" applyFill="1" applyAlignment="1">
      <alignment horizontal="center" vertical="center"/>
    </xf>
    <xf numFmtId="49" fontId="77" fillId="0" borderId="0" xfId="0" applyNumberFormat="1" applyFont="1">
      <alignment vertical="center"/>
    </xf>
    <xf numFmtId="49" fontId="77" fillId="0" borderId="0" xfId="0" applyNumberFormat="1" applyFont="1" applyAlignment="1">
      <alignment horizontal="center" vertical="center"/>
    </xf>
    <xf numFmtId="0" fontId="78" fillId="19" borderId="0" xfId="0" applyFont="1" applyFill="1" applyAlignment="1">
      <alignment horizontal="center" vertical="center" wrapText="1"/>
    </xf>
    <xf numFmtId="49" fontId="77" fillId="20" borderId="0" xfId="0" applyNumberFormat="1" applyFont="1" applyFill="1" applyAlignment="1">
      <alignment horizontal="left" vertical="center"/>
    </xf>
    <xf numFmtId="49" fontId="77" fillId="20" borderId="0" xfId="0" applyNumberFormat="1" applyFont="1" applyFill="1">
      <alignment vertical="center"/>
    </xf>
    <xf numFmtId="49" fontId="79" fillId="20" borderId="0" xfId="0" applyNumberFormat="1" applyFont="1" applyFill="1">
      <alignment vertical="center"/>
    </xf>
    <xf numFmtId="49" fontId="80" fillId="20" borderId="0" xfId="0" applyNumberFormat="1" applyFont="1" applyFill="1" applyAlignment="1">
      <alignment horizontal="left" vertical="center"/>
    </xf>
    <xf numFmtId="0" fontId="76" fillId="19" borderId="0" xfId="0" applyFont="1" applyFill="1" applyAlignment="1">
      <alignment horizontal="center" vertical="center" wrapText="1"/>
    </xf>
    <xf numFmtId="49" fontId="77" fillId="20" borderId="0" xfId="0" applyNumberFormat="1" applyFont="1" applyFill="1" applyAlignment="1">
      <alignment vertical="center" wrapText="1"/>
    </xf>
    <xf numFmtId="49" fontId="51" fillId="0" borderId="0" xfId="17" applyNumberFormat="1" applyFont="1">
      <alignment vertical="center"/>
    </xf>
    <xf numFmtId="0" fontId="81" fillId="3" borderId="0" xfId="0" applyFont="1" applyFill="1" applyAlignment="1">
      <alignment horizontal="center" vertical="center" wrapText="1"/>
    </xf>
    <xf numFmtId="0" fontId="82" fillId="3" borderId="0" xfId="0" applyFont="1" applyFill="1" applyAlignment="1">
      <alignment horizontal="center" vertical="center" wrapText="1"/>
    </xf>
    <xf numFmtId="0" fontId="83" fillId="3" borderId="0" xfId="0" applyFont="1" applyFill="1" applyAlignment="1">
      <alignment horizontal="center" vertical="center" wrapText="1"/>
    </xf>
    <xf numFmtId="49" fontId="36" fillId="18" borderId="0" xfId="16" applyNumberFormat="1" applyFont="1" applyFill="1" applyAlignment="1">
      <alignment horizontal="center" vertical="center"/>
    </xf>
    <xf numFmtId="49" fontId="40" fillId="18" borderId="0" xfId="16" applyNumberFormat="1" applyFont="1" applyFill="1" applyAlignment="1">
      <alignment horizontal="center" vertical="center"/>
    </xf>
    <xf numFmtId="49" fontId="40" fillId="18" borderId="0" xfId="0" applyNumberFormat="1" applyFont="1" applyFill="1" applyAlignment="1">
      <alignment horizontal="center" vertical="center"/>
    </xf>
    <xf numFmtId="0" fontId="40" fillId="18" borderId="0" xfId="16" applyFont="1" applyFill="1" applyAlignment="1">
      <alignment horizontal="center" vertical="center"/>
    </xf>
    <xf numFmtId="49" fontId="30" fillId="0" borderId="0" xfId="0" applyNumberFormat="1" applyFont="1">
      <alignment vertical="center"/>
    </xf>
    <xf numFmtId="49" fontId="30" fillId="0" borderId="0" xfId="0" applyNumberFormat="1" applyFont="1" applyAlignment="1">
      <alignment vertical="center" wrapText="1"/>
    </xf>
    <xf numFmtId="0" fontId="82" fillId="3" borderId="6" xfId="0" applyFont="1" applyFill="1" applyBorder="1" applyAlignment="1">
      <alignment horizontal="center" vertical="center" wrapText="1"/>
    </xf>
    <xf numFmtId="0" fontId="82" fillId="3" borderId="7" xfId="0" applyFont="1" applyFill="1" applyBorder="1" applyAlignment="1">
      <alignment horizontal="center" vertical="center" wrapText="1"/>
    </xf>
    <xf numFmtId="0" fontId="82" fillId="3" borderId="12" xfId="0" applyFont="1" applyFill="1" applyBorder="1" applyAlignment="1">
      <alignment horizontal="center" vertical="center" wrapText="1"/>
    </xf>
    <xf numFmtId="0" fontId="83" fillId="3" borderId="12" xfId="0" applyFont="1" applyFill="1" applyBorder="1" applyAlignment="1">
      <alignment horizontal="center" vertical="center" wrapText="1"/>
    </xf>
    <xf numFmtId="0" fontId="83" fillId="3" borderId="7" xfId="0" applyFont="1" applyFill="1" applyBorder="1" applyAlignment="1">
      <alignment horizontal="center" vertical="center" wrapText="1"/>
    </xf>
    <xf numFmtId="49" fontId="31" fillId="18" borderId="16" xfId="0" applyNumberFormat="1" applyFont="1" applyFill="1" applyBorder="1" applyAlignment="1">
      <alignment horizontal="left" vertical="center"/>
    </xf>
    <xf numFmtId="49" fontId="84" fillId="18" borderId="0" xfId="0" applyNumberFormat="1" applyFont="1" applyFill="1">
      <alignment vertical="center"/>
    </xf>
    <xf numFmtId="49" fontId="30" fillId="18" borderId="0" xfId="0" applyNumberFormat="1" applyFont="1" applyFill="1">
      <alignment vertical="center"/>
    </xf>
    <xf numFmtId="49" fontId="30" fillId="18" borderId="17" xfId="0" applyNumberFormat="1" applyFont="1" applyFill="1" applyBorder="1">
      <alignment vertical="center"/>
    </xf>
    <xf numFmtId="49" fontId="30" fillId="18" borderId="16" xfId="0" applyNumberFormat="1" applyFont="1" applyFill="1" applyBorder="1" applyAlignment="1">
      <alignment horizontal="left" vertical="center"/>
    </xf>
    <xf numFmtId="49" fontId="84" fillId="18" borderId="0" xfId="0" applyNumberFormat="1" applyFont="1" applyFill="1" applyAlignment="1">
      <alignment horizontal="left" vertical="center"/>
    </xf>
    <xf numFmtId="49" fontId="30" fillId="18" borderId="17" xfId="0" applyNumberFormat="1" applyFont="1" applyFill="1" applyBorder="1" applyAlignment="1">
      <alignment horizontal="left" vertical="center"/>
    </xf>
    <xf numFmtId="49" fontId="30" fillId="18" borderId="0" xfId="0" applyNumberFormat="1" applyFont="1" applyFill="1" applyAlignment="1">
      <alignment horizontal="left" vertical="center"/>
    </xf>
    <xf numFmtId="49" fontId="30" fillId="18" borderId="16" xfId="0" applyNumberFormat="1" applyFont="1" applyFill="1" applyBorder="1">
      <alignment vertical="center"/>
    </xf>
    <xf numFmtId="49" fontId="40" fillId="18" borderId="0" xfId="0" applyNumberFormat="1" applyFont="1" applyFill="1" applyAlignment="1">
      <alignment horizontal="left" vertical="center"/>
    </xf>
    <xf numFmtId="49" fontId="34" fillId="18" borderId="0" xfId="0" applyNumberFormat="1" applyFont="1" applyFill="1" applyAlignment="1">
      <alignment horizontal="left" vertical="center"/>
    </xf>
    <xf numFmtId="49" fontId="85" fillId="18" borderId="0" xfId="0" applyNumberFormat="1" applyFont="1" applyFill="1" applyAlignment="1">
      <alignment horizontal="left" vertical="center"/>
    </xf>
    <xf numFmtId="49" fontId="86" fillId="18" borderId="0" xfId="0" applyNumberFormat="1" applyFont="1" applyFill="1" applyAlignment="1">
      <alignment horizontal="left" vertical="center"/>
    </xf>
    <xf numFmtId="49" fontId="30" fillId="18" borderId="16" xfId="0" applyNumberFormat="1" applyFont="1" applyFill="1" applyBorder="1" applyAlignment="1">
      <alignment horizontal="center" vertical="center"/>
    </xf>
    <xf numFmtId="49" fontId="30" fillId="18" borderId="0" xfId="0" applyNumberFormat="1" applyFont="1" applyFill="1" applyAlignment="1">
      <alignment horizontal="center" vertical="center"/>
    </xf>
    <xf numFmtId="49" fontId="34" fillId="18" borderId="0" xfId="0" applyNumberFormat="1" applyFont="1" applyFill="1">
      <alignment vertical="center"/>
    </xf>
    <xf numFmtId="49" fontId="30" fillId="18" borderId="25" xfId="0" applyNumberFormat="1" applyFont="1" applyFill="1" applyBorder="1">
      <alignment vertical="center"/>
    </xf>
    <xf numFmtId="49" fontId="34" fillId="18" borderId="14" xfId="0" applyNumberFormat="1" applyFont="1" applyFill="1" applyBorder="1">
      <alignment vertical="center"/>
    </xf>
    <xf numFmtId="49" fontId="30" fillId="18" borderId="14" xfId="0" applyNumberFormat="1" applyFont="1" applyFill="1" applyBorder="1">
      <alignment vertical="center"/>
    </xf>
    <xf numFmtId="49" fontId="30" fillId="18" borderId="15" xfId="0" applyNumberFormat="1" applyFont="1" applyFill="1" applyBorder="1">
      <alignment vertical="center"/>
    </xf>
    <xf numFmtId="49" fontId="30" fillId="18" borderId="25" xfId="0" applyNumberFormat="1" applyFont="1" applyFill="1" applyBorder="1" applyAlignment="1">
      <alignment horizontal="center" vertical="center"/>
    </xf>
    <xf numFmtId="49" fontId="30" fillId="18" borderId="14" xfId="0" applyNumberFormat="1" applyFont="1" applyFill="1" applyBorder="1" applyAlignment="1">
      <alignment horizontal="center" vertical="center"/>
    </xf>
    <xf numFmtId="49" fontId="40" fillId="18" borderId="14" xfId="0" applyNumberFormat="1" applyFont="1" applyFill="1" applyBorder="1" applyAlignment="1">
      <alignment horizontal="center" vertical="center"/>
    </xf>
    <xf numFmtId="49" fontId="30" fillId="0" borderId="0" xfId="0" applyNumberFormat="1" applyFont="1" applyAlignment="1">
      <alignment horizontal="center" vertical="center"/>
    </xf>
    <xf numFmtId="0" fontId="30" fillId="0" borderId="0" xfId="0" applyFont="1">
      <alignment vertical="center"/>
    </xf>
    <xf numFmtId="0" fontId="40" fillId="18" borderId="0" xfId="0" applyFont="1" applyFill="1" applyAlignment="1">
      <alignment horizontal="center" vertical="center"/>
    </xf>
    <xf numFmtId="0" fontId="44" fillId="0" borderId="1" xfId="3" applyFont="1" applyBorder="1" applyAlignment="1">
      <alignment horizontal="left" vertical="top" wrapText="1"/>
    </xf>
    <xf numFmtId="0" fontId="53" fillId="0" borderId="1" xfId="21" applyFont="1" applyBorder="1">
      <alignment vertical="center"/>
    </xf>
    <xf numFmtId="167" fontId="0" fillId="0" borderId="1" xfId="0" applyNumberFormat="1" applyBorder="1">
      <alignment vertical="center"/>
    </xf>
    <xf numFmtId="0" fontId="30" fillId="0" borderId="1" xfId="0" applyFont="1" applyFill="1" applyBorder="1" applyAlignment="1">
      <alignment vertical="center"/>
    </xf>
    <xf numFmtId="0" fontId="30" fillId="0" borderId="1" xfId="0" applyFont="1" applyFill="1" applyBorder="1" applyAlignment="1">
      <alignment wrapText="1"/>
    </xf>
    <xf numFmtId="167" fontId="39" fillId="0" borderId="1" xfId="13" applyNumberFormat="1" applyFont="1" applyFill="1" applyBorder="1" applyAlignment="1">
      <alignment horizontal="right" vertical="center"/>
    </xf>
    <xf numFmtId="0" fontId="53" fillId="0" borderId="1" xfId="21" applyFont="1" applyFill="1" applyBorder="1">
      <alignment vertical="center"/>
    </xf>
    <xf numFmtId="0" fontId="0" fillId="0" borderId="1" xfId="0" applyFill="1" applyBorder="1" applyAlignment="1">
      <alignment vertical="center"/>
    </xf>
    <xf numFmtId="0" fontId="46" fillId="11" borderId="1" xfId="0" applyFont="1" applyFill="1" applyBorder="1" applyAlignment="1">
      <alignment horizontal="center" vertical="top" wrapText="1"/>
    </xf>
    <xf numFmtId="0" fontId="9" fillId="0" borderId="0" xfId="3" applyFont="1" applyAlignment="1">
      <alignment vertical="top" wrapText="1"/>
    </xf>
    <xf numFmtId="0" fontId="0" fillId="0" borderId="0" xfId="0" applyAlignment="1">
      <alignment vertical="top" wrapText="1"/>
    </xf>
    <xf numFmtId="0" fontId="38" fillId="6" borderId="11" xfId="13" applyFont="1" applyFill="1" applyBorder="1" applyAlignment="1">
      <alignment horizontal="center" vertical="center"/>
    </xf>
    <xf numFmtId="0" fontId="38" fillId="8" borderId="7" xfId="3" applyFont="1" applyFill="1" applyBorder="1" applyAlignment="1">
      <alignment vertical="top" wrapText="1"/>
    </xf>
    <xf numFmtId="0" fontId="38" fillId="0" borderId="7" xfId="3" applyFont="1" applyBorder="1" applyAlignment="1">
      <alignment horizontal="left" vertical="top" wrapText="1"/>
    </xf>
    <xf numFmtId="0" fontId="38" fillId="8" borderId="0" xfId="3" applyFont="1" applyFill="1" applyAlignment="1">
      <alignment horizontal="left" vertical="top" wrapText="1"/>
    </xf>
    <xf numFmtId="0" fontId="30" fillId="0" borderId="1" xfId="0" applyFont="1" applyFill="1" applyBorder="1" applyAlignment="1">
      <alignment vertical="top" wrapText="1"/>
    </xf>
    <xf numFmtId="0" fontId="0" fillId="0" borderId="1" xfId="0" applyFill="1" applyBorder="1" applyAlignment="1">
      <alignment vertical="top" wrapText="1"/>
    </xf>
    <xf numFmtId="165" fontId="39" fillId="0" borderId="1" xfId="13" applyNumberFormat="1" applyFont="1" applyFill="1" applyBorder="1" applyAlignment="1">
      <alignment horizontal="center" vertical="center"/>
    </xf>
    <xf numFmtId="0" fontId="3" fillId="0" borderId="11" xfId="7" applyFont="1" applyBorder="1" applyAlignment="1">
      <alignment horizontal="left" vertical="center"/>
    </xf>
    <xf numFmtId="0" fontId="3" fillId="0" borderId="18" xfId="3" applyFont="1" applyBorder="1" applyAlignment="1">
      <alignment vertical="center" wrapText="1"/>
    </xf>
    <xf numFmtId="0" fontId="3" fillId="0" borderId="13" xfId="3" applyFont="1" applyBorder="1" applyAlignment="1">
      <alignment vertical="center"/>
    </xf>
    <xf numFmtId="0" fontId="3" fillId="0" borderId="11" xfId="3" applyFont="1" applyBorder="1" applyAlignment="1">
      <alignment vertical="center"/>
    </xf>
    <xf numFmtId="0" fontId="3" fillId="0" borderId="18" xfId="7" applyFont="1" applyBorder="1" applyAlignment="1">
      <alignment horizontal="center" vertical="center"/>
    </xf>
    <xf numFmtId="0" fontId="3" fillId="0" borderId="11" xfId="7" applyFont="1" applyBorder="1" applyAlignment="1">
      <alignment horizontal="center" vertical="center"/>
    </xf>
    <xf numFmtId="0" fontId="47" fillId="0" borderId="1" xfId="14" applyNumberFormat="1" applyFont="1" applyBorder="1" applyAlignment="1">
      <alignment horizontal="center" vertical="center" wrapText="1"/>
    </xf>
    <xf numFmtId="0" fontId="0" fillId="10" borderId="0" xfId="0" applyFill="1" applyBorder="1">
      <alignment vertical="center"/>
    </xf>
    <xf numFmtId="0" fontId="47" fillId="0" borderId="1" xfId="14" applyNumberFormat="1" applyFont="1" applyBorder="1" applyAlignment="1">
      <alignment horizontal="center" vertical="center"/>
    </xf>
    <xf numFmtId="0" fontId="3" fillId="0" borderId="18" xfId="7" applyFont="1" applyBorder="1" applyAlignment="1">
      <alignment horizontal="left" vertical="center"/>
    </xf>
    <xf numFmtId="0" fontId="38" fillId="0" borderId="18" xfId="3" applyFont="1" applyFill="1" applyBorder="1" applyAlignment="1">
      <alignment vertical="center"/>
    </xf>
    <xf numFmtId="0" fontId="38" fillId="0" borderId="1" xfId="3" applyFont="1" applyFill="1" applyBorder="1" applyAlignment="1">
      <alignment vertical="center"/>
    </xf>
    <xf numFmtId="0" fontId="5" fillId="0" borderId="12" xfId="3" applyFont="1" applyFill="1" applyBorder="1" applyAlignment="1">
      <alignment vertical="center"/>
    </xf>
    <xf numFmtId="0" fontId="48" fillId="0" borderId="13" xfId="0" applyFont="1" applyBorder="1" applyAlignment="1">
      <alignment horizontal="left" vertical="center"/>
    </xf>
    <xf numFmtId="0" fontId="12" fillId="6" borderId="11" xfId="13" applyFont="1" applyFill="1" applyBorder="1" applyAlignment="1">
      <alignment horizontal="left" vertical="center"/>
    </xf>
    <xf numFmtId="0" fontId="10" fillId="0" borderId="7" xfId="3" applyFont="1" applyBorder="1" applyAlignment="1">
      <alignment horizontal="left" vertical="center"/>
    </xf>
    <xf numFmtId="0" fontId="12" fillId="8" borderId="12" xfId="3" applyFont="1" applyFill="1" applyBorder="1" applyAlignment="1">
      <alignment vertical="center"/>
    </xf>
    <xf numFmtId="0" fontId="89" fillId="0" borderId="0" xfId="0" applyFont="1">
      <alignment vertical="center"/>
    </xf>
    <xf numFmtId="0" fontId="86" fillId="0" borderId="1" xfId="0" applyFont="1" applyBorder="1">
      <alignment vertical="center"/>
    </xf>
    <xf numFmtId="0" fontId="86" fillId="0" borderId="1" xfId="0" applyFont="1" applyBorder="1" applyAlignment="1">
      <alignment vertical="center" wrapText="1"/>
    </xf>
    <xf numFmtId="0" fontId="3" fillId="0" borderId="1" xfId="3" applyFont="1" applyBorder="1" applyAlignment="1">
      <alignment vertical="center"/>
    </xf>
    <xf numFmtId="0" fontId="47" fillId="0" borderId="12" xfId="14" applyNumberFormat="1" applyFont="1" applyBorder="1" applyAlignment="1">
      <alignment horizontal="center" vertical="center" wrapText="1"/>
    </xf>
    <xf numFmtId="0" fontId="7" fillId="0" borderId="1" xfId="3" applyFont="1" applyFill="1" applyBorder="1" applyAlignment="1">
      <alignment horizontal="left" vertical="top" wrapText="1"/>
    </xf>
    <xf numFmtId="0" fontId="3" fillId="0" borderId="11" xfId="7" applyFont="1" applyBorder="1" applyAlignment="1">
      <alignment horizontal="center" vertical="center"/>
    </xf>
    <xf numFmtId="0" fontId="3" fillId="0" borderId="18" xfId="7" applyFont="1" applyBorder="1" applyAlignment="1">
      <alignment horizontal="center" vertical="center"/>
    </xf>
    <xf numFmtId="0" fontId="86" fillId="0" borderId="12" xfId="0" applyFont="1" applyBorder="1">
      <alignment vertical="center"/>
    </xf>
    <xf numFmtId="0" fontId="3" fillId="0" borderId="11" xfId="7" applyFont="1" applyBorder="1" applyAlignment="1">
      <alignment vertical="center"/>
    </xf>
    <xf numFmtId="0" fontId="90" fillId="0" borderId="13" xfId="3" applyFont="1" applyBorder="1" applyAlignment="1">
      <alignment vertical="top" wrapText="1"/>
    </xf>
    <xf numFmtId="0" fontId="91" fillId="8" borderId="7" xfId="3" applyFont="1" applyFill="1" applyBorder="1" applyAlignment="1">
      <alignment vertical="center"/>
    </xf>
    <xf numFmtId="0" fontId="91" fillId="8" borderId="7" xfId="3" applyFont="1" applyFill="1" applyBorder="1" applyAlignment="1">
      <alignment vertical="top" wrapText="1"/>
    </xf>
    <xf numFmtId="0" fontId="90" fillId="0" borderId="1" xfId="3" applyFont="1" applyBorder="1" applyAlignment="1">
      <alignment horizontal="left" vertical="top" wrapText="1"/>
    </xf>
    <xf numFmtId="0" fontId="90" fillId="0" borderId="1" xfId="3" applyFont="1" applyFill="1" applyBorder="1" applyAlignment="1">
      <alignment horizontal="left" vertical="top" wrapText="1"/>
    </xf>
    <xf numFmtId="0" fontId="90" fillId="0" borderId="1" xfId="3" applyFont="1" applyBorder="1" applyAlignment="1">
      <alignment vertical="top" wrapText="1"/>
    </xf>
    <xf numFmtId="0" fontId="90" fillId="0" borderId="0" xfId="3" applyFont="1" applyFill="1" applyBorder="1" applyAlignment="1">
      <alignment horizontal="left" vertical="top" wrapText="1"/>
    </xf>
    <xf numFmtId="0" fontId="91" fillId="8" borderId="0" xfId="3" applyFont="1" applyFill="1" applyAlignment="1">
      <alignment horizontal="left" vertical="center"/>
    </xf>
    <xf numFmtId="0" fontId="91" fillId="8" borderId="0" xfId="3" applyFont="1" applyFill="1" applyAlignment="1">
      <alignment horizontal="left" vertical="top"/>
    </xf>
    <xf numFmtId="0" fontId="91" fillId="8" borderId="7" xfId="3" applyFont="1" applyFill="1" applyBorder="1" applyAlignment="1">
      <alignment vertical="top"/>
    </xf>
    <xf numFmtId="0" fontId="90" fillId="0" borderId="1" xfId="3" applyFont="1" applyBorder="1" applyAlignment="1">
      <alignment horizontal="left" vertical="center" wrapText="1"/>
    </xf>
    <xf numFmtId="0" fontId="90" fillId="0" borderId="1" xfId="3" applyFont="1" applyBorder="1" applyAlignment="1">
      <alignment horizontal="left" vertical="center"/>
    </xf>
    <xf numFmtId="0" fontId="87" fillId="0" borderId="0" xfId="0" applyFont="1">
      <alignment vertical="center"/>
    </xf>
    <xf numFmtId="0" fontId="95" fillId="0" borderId="0" xfId="0" applyFont="1" applyAlignment="1">
      <alignment vertical="top" wrapText="1"/>
    </xf>
    <xf numFmtId="0" fontId="87" fillId="0" borderId="0" xfId="0" applyFont="1" applyAlignment="1">
      <alignment vertical="top" wrapText="1"/>
    </xf>
    <xf numFmtId="0" fontId="90" fillId="0" borderId="0" xfId="3" applyFont="1" applyAlignment="1">
      <alignment vertical="center"/>
    </xf>
    <xf numFmtId="0" fontId="90" fillId="0" borderId="0" xfId="3" applyFont="1" applyAlignment="1">
      <alignment horizontal="center" vertical="center"/>
    </xf>
    <xf numFmtId="0" fontId="90" fillId="0" borderId="0" xfId="3" applyFont="1" applyAlignment="1">
      <alignment vertical="top" wrapText="1"/>
    </xf>
    <xf numFmtId="0" fontId="37" fillId="0" borderId="1" xfId="3" applyFont="1" applyBorder="1" applyAlignment="1">
      <alignment horizontal="left" vertical="center"/>
    </xf>
    <xf numFmtId="0" fontId="94" fillId="0" borderId="0" xfId="0" applyFont="1">
      <alignment vertical="center"/>
    </xf>
    <xf numFmtId="49" fontId="90" fillId="0" borderId="0" xfId="3" applyNumberFormat="1" applyFont="1" applyAlignment="1">
      <alignment horizontal="center" vertical="center"/>
    </xf>
    <xf numFmtId="0" fontId="94" fillId="0" borderId="1" xfId="0" applyFont="1" applyBorder="1">
      <alignment vertical="center"/>
    </xf>
    <xf numFmtId="0" fontId="94" fillId="0" borderId="1" xfId="0" applyFont="1" applyBorder="1" applyAlignment="1">
      <alignment horizontal="left" vertical="center"/>
    </xf>
    <xf numFmtId="0" fontId="5" fillId="5" borderId="1" xfId="3" applyFont="1" applyFill="1" applyBorder="1" applyAlignment="1">
      <alignment horizontal="left" vertical="top" wrapText="1"/>
    </xf>
    <xf numFmtId="165" fontId="39" fillId="5" borderId="13" xfId="13" applyNumberFormat="1" applyFont="1" applyFill="1" applyBorder="1" applyAlignment="1">
      <alignment horizontal="center" vertical="center"/>
    </xf>
    <xf numFmtId="0" fontId="90" fillId="5" borderId="1" xfId="3" applyFont="1" applyFill="1" applyBorder="1" applyAlignment="1">
      <alignment horizontal="left" vertical="top" wrapText="1"/>
    </xf>
    <xf numFmtId="0" fontId="3" fillId="0" borderId="13" xfId="7" applyFont="1" applyBorder="1" applyAlignment="1">
      <alignment horizontal="center" vertical="center"/>
    </xf>
    <xf numFmtId="0" fontId="3" fillId="0" borderId="11" xfId="7" applyFont="1" applyBorder="1" applyAlignment="1">
      <alignment horizontal="center" vertical="center"/>
    </xf>
    <xf numFmtId="0" fontId="90" fillId="5" borderId="13" xfId="0" applyFont="1" applyFill="1" applyBorder="1" applyAlignment="1">
      <alignment horizontal="left" vertical="top" wrapText="1"/>
    </xf>
    <xf numFmtId="0" fontId="90" fillId="5" borderId="11" xfId="0" applyFont="1" applyFill="1" applyBorder="1" applyAlignment="1">
      <alignment horizontal="left" vertical="top" wrapText="1"/>
    </xf>
    <xf numFmtId="0" fontId="38" fillId="8" borderId="0" xfId="3" applyFont="1" applyFill="1" applyAlignment="1">
      <alignment horizontal="left" vertical="top"/>
    </xf>
    <xf numFmtId="0" fontId="9" fillId="0" borderId="0" xfId="3" applyFont="1" applyAlignment="1">
      <alignment horizontal="left" vertical="top" wrapText="1"/>
    </xf>
    <xf numFmtId="0" fontId="39" fillId="0" borderId="1" xfId="3" applyFont="1" applyBorder="1" applyAlignment="1">
      <alignment vertical="center"/>
    </xf>
    <xf numFmtId="165" fontId="39" fillId="5" borderId="1" xfId="13" applyNumberFormat="1" applyFont="1" applyFill="1" applyBorder="1" applyAlignment="1">
      <alignment horizontal="center" vertical="center"/>
    </xf>
    <xf numFmtId="0" fontId="90" fillId="5" borderId="17" xfId="0" applyFont="1" applyFill="1" applyBorder="1" applyAlignment="1">
      <alignment horizontal="left" vertical="top" wrapText="1"/>
    </xf>
    <xf numFmtId="0" fontId="86" fillId="0" borderId="12" xfId="0" applyFont="1" applyBorder="1" applyAlignment="1">
      <alignment horizontal="center" vertical="center"/>
    </xf>
    <xf numFmtId="0" fontId="3" fillId="0" borderId="13" xfId="7" applyFont="1" applyBorder="1" applyAlignment="1">
      <alignment horizontal="left" vertical="center"/>
    </xf>
    <xf numFmtId="0" fontId="1" fillId="0" borderId="1" xfId="19" applyFont="1" applyBorder="1" applyAlignment="1">
      <alignment horizontal="center" vertical="center" wrapText="1"/>
    </xf>
    <xf numFmtId="0" fontId="12" fillId="6" borderId="11" xfId="13" applyFont="1" applyFill="1" applyBorder="1" applyAlignment="1">
      <alignment horizontal="center" vertical="center"/>
    </xf>
    <xf numFmtId="0" fontId="38" fillId="6" borderId="1" xfId="13" applyFont="1" applyFill="1" applyBorder="1" applyAlignment="1">
      <alignment horizontal="center" vertical="center"/>
    </xf>
    <xf numFmtId="0" fontId="96" fillId="12" borderId="1" xfId="13" applyFont="1" applyFill="1" applyBorder="1" applyAlignment="1">
      <alignment horizontal="center" vertical="center" wrapText="1"/>
    </xf>
    <xf numFmtId="0" fontId="97" fillId="0" borderId="0" xfId="3" applyFont="1" applyAlignment="1">
      <alignment horizontal="center" vertical="center" wrapText="1"/>
    </xf>
    <xf numFmtId="0" fontId="6" fillId="0" borderId="1" xfId="13" applyFont="1" applyBorder="1" applyAlignment="1">
      <alignment horizontal="center" vertical="center"/>
    </xf>
    <xf numFmtId="0" fontId="38" fillId="8" borderId="1" xfId="3" applyFont="1" applyFill="1" applyBorder="1" applyAlignment="1">
      <alignment horizontal="left" vertical="center"/>
    </xf>
    <xf numFmtId="0" fontId="39" fillId="8" borderId="1" xfId="3" applyFont="1" applyFill="1" applyBorder="1" applyAlignment="1">
      <alignment horizontal="left" vertical="center"/>
    </xf>
    <xf numFmtId="0" fontId="39" fillId="8" borderId="1" xfId="3" applyFont="1" applyFill="1" applyBorder="1" applyAlignment="1">
      <alignment horizontal="center" vertical="center"/>
    </xf>
    <xf numFmtId="0" fontId="98" fillId="8" borderId="7" xfId="3" applyFont="1" applyFill="1" applyBorder="1" applyAlignment="1">
      <alignment vertical="center"/>
    </xf>
    <xf numFmtId="0" fontId="99" fillId="0" borderId="0" xfId="3" applyFont="1" applyAlignment="1">
      <alignment vertical="center"/>
    </xf>
    <xf numFmtId="0" fontId="100" fillId="0" borderId="1" xfId="3" applyFont="1" applyBorder="1" applyAlignment="1">
      <alignment horizontal="center" vertical="center"/>
    </xf>
    <xf numFmtId="0" fontId="2" fillId="0" borderId="1" xfId="3" applyFont="1" applyBorder="1" applyAlignment="1">
      <alignment horizontal="left" vertical="center"/>
    </xf>
    <xf numFmtId="0" fontId="101" fillId="0" borderId="18" xfId="3" applyFont="1" applyBorder="1" applyAlignment="1">
      <alignment horizontal="left" vertical="center"/>
    </xf>
    <xf numFmtId="0" fontId="2" fillId="0" borderId="1" xfId="13" applyFont="1" applyBorder="1">
      <alignment vertical="center"/>
    </xf>
    <xf numFmtId="167" fontId="47" fillId="0" borderId="1" xfId="14" applyNumberFormat="1" applyFont="1" applyFill="1" applyBorder="1" applyAlignment="1">
      <alignment horizontal="center" vertical="center"/>
    </xf>
    <xf numFmtId="9" fontId="9" fillId="0" borderId="1" xfId="14" applyFont="1" applyFill="1" applyBorder="1" applyAlignment="1">
      <alignment vertical="center"/>
    </xf>
    <xf numFmtId="0" fontId="102" fillId="0" borderId="1" xfId="3" applyFont="1" applyBorder="1" applyAlignment="1">
      <alignment vertical="top" wrapText="1"/>
    </xf>
    <xf numFmtId="0" fontId="103" fillId="0" borderId="1" xfId="3" applyFont="1" applyBorder="1" applyAlignment="1">
      <alignment vertical="center" wrapText="1"/>
    </xf>
    <xf numFmtId="0" fontId="103" fillId="0" borderId="1" xfId="3" applyFont="1" applyBorder="1" applyAlignment="1">
      <alignment vertical="center"/>
    </xf>
    <xf numFmtId="0" fontId="104" fillId="0" borderId="1" xfId="13" applyFont="1" applyBorder="1">
      <alignment vertical="center"/>
    </xf>
    <xf numFmtId="49" fontId="103" fillId="0" borderId="1" xfId="3" applyNumberFormat="1" applyFont="1" applyBorder="1" applyAlignment="1">
      <alignment vertical="center"/>
    </xf>
    <xf numFmtId="49" fontId="102" fillId="0" borderId="1" xfId="3" applyNumberFormat="1" applyFont="1" applyBorder="1" applyAlignment="1">
      <alignment vertical="center"/>
    </xf>
    <xf numFmtId="0" fontId="102" fillId="0" borderId="1" xfId="3" applyFont="1" applyBorder="1" applyAlignment="1">
      <alignment vertical="center" wrapText="1"/>
    </xf>
    <xf numFmtId="0" fontId="104" fillId="0" borderId="0" xfId="13" applyFont="1">
      <alignment vertical="center"/>
    </xf>
    <xf numFmtId="0" fontId="105" fillId="0" borderId="0" xfId="13" applyFont="1">
      <alignment vertical="center"/>
    </xf>
    <xf numFmtId="0" fontId="2" fillId="0" borderId="1" xfId="13" applyFont="1" applyBorder="1" applyAlignment="1">
      <alignment vertical="top" wrapText="1"/>
    </xf>
    <xf numFmtId="167" fontId="9" fillId="0" borderId="1" xfId="14" applyNumberFormat="1" applyFont="1" applyFill="1" applyBorder="1" applyAlignment="1">
      <alignment vertical="center"/>
    </xf>
    <xf numFmtId="0" fontId="103" fillId="0" borderId="1" xfId="3" applyFont="1" applyBorder="1" applyAlignment="1">
      <alignment vertical="top" wrapText="1"/>
    </xf>
    <xf numFmtId="0" fontId="102" fillId="2" borderId="1" xfId="3" applyFont="1" applyFill="1" applyBorder="1" applyAlignment="1">
      <alignment vertical="top" wrapText="1"/>
    </xf>
    <xf numFmtId="0" fontId="102" fillId="2" borderId="1" xfId="3" applyFont="1" applyFill="1" applyBorder="1" applyAlignment="1">
      <alignment vertical="center" wrapText="1"/>
    </xf>
    <xf numFmtId="0" fontId="106" fillId="0" borderId="32" xfId="19" applyFont="1" applyBorder="1" applyAlignment="1">
      <alignment horizontal="left" vertical="center"/>
    </xf>
    <xf numFmtId="9" fontId="47" fillId="0" borderId="1" xfId="14" applyFont="1" applyBorder="1" applyAlignment="1">
      <alignment vertical="center"/>
    </xf>
    <xf numFmtId="0" fontId="6" fillId="0" borderId="18" xfId="3" applyFont="1" applyBorder="1" applyAlignment="1">
      <alignment horizontal="left" vertical="center"/>
    </xf>
    <xf numFmtId="0" fontId="6" fillId="0" borderId="1" xfId="13" applyFont="1" applyBorder="1" applyAlignment="1">
      <alignment vertical="top" wrapText="1"/>
    </xf>
    <xf numFmtId="0" fontId="102" fillId="0" borderId="1" xfId="3" applyFont="1" applyBorder="1" applyAlignment="1">
      <alignment vertical="center"/>
    </xf>
    <xf numFmtId="0" fontId="107" fillId="0" borderId="1" xfId="13" applyFont="1" applyBorder="1">
      <alignment vertical="center"/>
    </xf>
    <xf numFmtId="0" fontId="107" fillId="0" borderId="0" xfId="13" applyFont="1">
      <alignment vertical="center"/>
    </xf>
    <xf numFmtId="0" fontId="108" fillId="0" borderId="0" xfId="13" applyFont="1">
      <alignment vertical="center"/>
    </xf>
    <xf numFmtId="0" fontId="6" fillId="0" borderId="11" xfId="3" applyFont="1" applyBorder="1" applyAlignment="1">
      <alignment horizontal="left" vertical="center"/>
    </xf>
    <xf numFmtId="0" fontId="6" fillId="0" borderId="1" xfId="13" applyFont="1" applyBorder="1" applyAlignment="1">
      <alignment horizontal="left" vertical="top" wrapText="1"/>
    </xf>
    <xf numFmtId="0" fontId="102" fillId="0" borderId="1" xfId="13" applyFont="1" applyBorder="1" applyAlignment="1">
      <alignment vertical="top" wrapText="1"/>
    </xf>
    <xf numFmtId="0" fontId="102" fillId="0" borderId="1" xfId="13" applyFont="1" applyBorder="1">
      <alignment vertical="center"/>
    </xf>
    <xf numFmtId="0" fontId="30" fillId="0" borderId="1" xfId="13" applyBorder="1">
      <alignment vertical="center"/>
    </xf>
    <xf numFmtId="0" fontId="6" fillId="0" borderId="1" xfId="13" applyFont="1" applyBorder="1" applyAlignment="1">
      <alignment vertical="center" wrapText="1"/>
    </xf>
    <xf numFmtId="0" fontId="2" fillId="0" borderId="1" xfId="3" applyFont="1" applyBorder="1" applyAlignment="1">
      <alignment horizontal="center" vertical="center"/>
    </xf>
    <xf numFmtId="0" fontId="102" fillId="0" borderId="1" xfId="13" applyFont="1" applyBorder="1" applyAlignment="1">
      <alignment horizontal="right" vertical="center"/>
    </xf>
    <xf numFmtId="0" fontId="39" fillId="8" borderId="6" xfId="3" applyFont="1" applyFill="1" applyBorder="1" applyAlignment="1">
      <alignment horizontal="left" vertical="center"/>
    </xf>
    <xf numFmtId="0" fontId="46" fillId="12" borderId="1" xfId="13" applyFont="1" applyFill="1" applyBorder="1" applyAlignment="1">
      <alignment horizontal="center" vertical="center" wrapText="1"/>
    </xf>
    <xf numFmtId="0" fontId="2" fillId="0" borderId="1" xfId="3" applyFont="1" applyBorder="1" applyAlignment="1">
      <alignment horizontal="left" vertical="center" wrapText="1"/>
    </xf>
    <xf numFmtId="0" fontId="30" fillId="0" borderId="6" xfId="13" applyBorder="1">
      <alignment vertical="center"/>
    </xf>
    <xf numFmtId="0" fontId="109" fillId="0" borderId="1" xfId="3" applyFont="1" applyBorder="1" applyAlignment="1">
      <alignment vertical="top" wrapText="1"/>
    </xf>
    <xf numFmtId="0" fontId="109" fillId="0" borderId="1" xfId="3" applyFont="1" applyBorder="1" applyAlignment="1">
      <alignment vertical="center" wrapText="1"/>
    </xf>
    <xf numFmtId="0" fontId="109" fillId="0" borderId="1" xfId="3" applyFont="1" applyBorder="1" applyAlignment="1">
      <alignment vertical="center"/>
    </xf>
    <xf numFmtId="0" fontId="12" fillId="0" borderId="1" xfId="3" applyFont="1" applyBorder="1" applyAlignment="1">
      <alignment vertical="center" wrapText="1"/>
    </xf>
    <xf numFmtId="49" fontId="109" fillId="0" borderId="1" xfId="3" applyNumberFormat="1" applyFont="1" applyBorder="1" applyAlignment="1">
      <alignment vertical="center"/>
    </xf>
    <xf numFmtId="0" fontId="2" fillId="0" borderId="13" xfId="3" applyFont="1" applyBorder="1" applyAlignment="1">
      <alignment horizontal="left" vertical="center"/>
    </xf>
    <xf numFmtId="0" fontId="30" fillId="0" borderId="18" xfId="13" applyBorder="1">
      <alignment vertical="center"/>
    </xf>
    <xf numFmtId="0" fontId="2" fillId="0" borderId="11" xfId="3" applyFont="1" applyBorder="1" applyAlignment="1">
      <alignment horizontal="left" vertical="center"/>
    </xf>
    <xf numFmtId="0" fontId="6" fillId="0" borderId="1" xfId="13" applyFont="1" applyBorder="1">
      <alignment vertical="center"/>
    </xf>
    <xf numFmtId="0" fontId="110" fillId="0" borderId="1" xfId="13" applyFont="1" applyBorder="1">
      <alignment vertical="center"/>
    </xf>
    <xf numFmtId="0" fontId="2" fillId="0" borderId="18" xfId="3" applyFont="1" applyBorder="1" applyAlignment="1">
      <alignment horizontal="left" vertical="center"/>
    </xf>
    <xf numFmtId="0" fontId="109" fillId="0" borderId="1" xfId="13" applyFont="1" applyBorder="1" applyAlignment="1">
      <alignment horizontal="center" vertical="center" wrapText="1"/>
    </xf>
    <xf numFmtId="0" fontId="109" fillId="0" borderId="1" xfId="3" applyFont="1" applyBorder="1" applyAlignment="1">
      <alignment horizontal="center" vertical="center" wrapText="1"/>
    </xf>
    <xf numFmtId="0" fontId="12" fillId="0" borderId="1" xfId="3" applyFont="1" applyBorder="1" applyAlignment="1">
      <alignment horizontal="center" vertical="center" wrapText="1"/>
    </xf>
    <xf numFmtId="0" fontId="109" fillId="0" borderId="1" xfId="3" applyFont="1" applyBorder="1" applyAlignment="1">
      <alignment horizontal="center" vertical="center"/>
    </xf>
    <xf numFmtId="0" fontId="111" fillId="0" borderId="6" xfId="13" applyFont="1" applyBorder="1" applyAlignment="1">
      <alignment horizontal="left" vertical="center"/>
    </xf>
    <xf numFmtId="0" fontId="111" fillId="0" borderId="7" xfId="13" applyFont="1" applyBorder="1" applyAlignment="1">
      <alignment horizontal="center" vertical="center"/>
    </xf>
    <xf numFmtId="0" fontId="111" fillId="0" borderId="12" xfId="13" applyFont="1" applyBorder="1" applyAlignment="1">
      <alignment horizontal="center" vertical="center"/>
    </xf>
    <xf numFmtId="0" fontId="111" fillId="0" borderId="1" xfId="13" applyFont="1" applyBorder="1">
      <alignment vertical="center"/>
    </xf>
    <xf numFmtId="0" fontId="112" fillId="0" borderId="1" xfId="13" applyFont="1" applyBorder="1">
      <alignment vertical="center"/>
    </xf>
    <xf numFmtId="0" fontId="108" fillId="0" borderId="1" xfId="13" applyFont="1" applyBorder="1">
      <alignment vertical="center"/>
    </xf>
    <xf numFmtId="49" fontId="109" fillId="0" borderId="1" xfId="13" applyNumberFormat="1" applyFont="1" applyBorder="1" applyAlignment="1">
      <alignment horizontal="center" vertical="center" wrapText="1"/>
    </xf>
    <xf numFmtId="0" fontId="18" fillId="0" borderId="1" xfId="19" applyFont="1" applyBorder="1" applyAlignment="1">
      <alignment horizontal="left" vertical="center"/>
    </xf>
    <xf numFmtId="0" fontId="2" fillId="0" borderId="1" xfId="13" applyFont="1" applyBorder="1" applyAlignment="1">
      <alignment horizontal="left" vertical="center"/>
    </xf>
    <xf numFmtId="0" fontId="112" fillId="0" borderId="0" xfId="13" applyFont="1">
      <alignment vertical="center"/>
    </xf>
    <xf numFmtId="0" fontId="6" fillId="0" borderId="1" xfId="3" applyFont="1" applyBorder="1" applyAlignment="1">
      <alignment horizontal="left" vertical="center"/>
    </xf>
    <xf numFmtId="0" fontId="114" fillId="12" borderId="1" xfId="13" applyFont="1" applyFill="1" applyBorder="1" applyAlignment="1">
      <alignment horizontal="center" vertical="center" wrapText="1"/>
    </xf>
    <xf numFmtId="0" fontId="115" fillId="0" borderId="0" xfId="3" applyFont="1" applyAlignment="1">
      <alignment vertical="center"/>
    </xf>
    <xf numFmtId="0" fontId="102" fillId="0" borderId="1" xfId="3" applyFont="1" applyBorder="1" applyAlignment="1">
      <alignment horizontal="left" vertical="center" wrapText="1"/>
    </xf>
    <xf numFmtId="0" fontId="116" fillId="0" borderId="1" xfId="3" applyFont="1" applyBorder="1" applyAlignment="1">
      <alignment horizontal="left" vertical="center" wrapText="1"/>
    </xf>
    <xf numFmtId="0" fontId="117" fillId="0" borderId="1" xfId="3" applyFont="1" applyBorder="1" applyAlignment="1">
      <alignment vertical="center" wrapText="1"/>
    </xf>
    <xf numFmtId="0" fontId="116" fillId="0" borderId="1" xfId="3" applyFont="1" applyBorder="1" applyAlignment="1">
      <alignment vertical="center"/>
    </xf>
    <xf numFmtId="49" fontId="116" fillId="0" borderId="1" xfId="3" applyNumberFormat="1" applyFont="1" applyBorder="1" applyAlignment="1">
      <alignment vertical="center"/>
    </xf>
    <xf numFmtId="0" fontId="118" fillId="0" borderId="0" xfId="13" applyFont="1">
      <alignment vertical="center"/>
    </xf>
    <xf numFmtId="0" fontId="6" fillId="0" borderId="1" xfId="3" applyFont="1" applyBorder="1" applyAlignment="1">
      <alignment horizontal="left" vertical="top" wrapText="1"/>
    </xf>
    <xf numFmtId="0" fontId="6" fillId="0" borderId="1" xfId="3" applyFont="1" applyBorder="1" applyAlignment="1">
      <alignment horizontal="left" vertical="center" wrapText="1"/>
    </xf>
    <xf numFmtId="0" fontId="6" fillId="0" borderId="6" xfId="13" applyFont="1" applyBorder="1">
      <alignment vertical="center"/>
    </xf>
    <xf numFmtId="0" fontId="102" fillId="0" borderId="1" xfId="13" applyFont="1" applyBorder="1" applyAlignment="1">
      <alignment vertical="center" wrapText="1"/>
    </xf>
    <xf numFmtId="0" fontId="17" fillId="0" borderId="0" xfId="13" applyFont="1">
      <alignment vertical="center"/>
    </xf>
    <xf numFmtId="0" fontId="38" fillId="0" borderId="6" xfId="3" applyFont="1" applyBorder="1" applyAlignment="1">
      <alignment horizontal="left" vertical="center" wrapText="1"/>
    </xf>
    <xf numFmtId="0" fontId="0" fillId="0" borderId="13" xfId="0" applyBorder="1">
      <alignment vertical="center"/>
    </xf>
    <xf numFmtId="0" fontId="39" fillId="0" borderId="11" xfId="0" applyFont="1" applyBorder="1">
      <alignment vertical="center"/>
    </xf>
    <xf numFmtId="0" fontId="38" fillId="0" borderId="1" xfId="3" applyFont="1" applyBorder="1" applyAlignment="1">
      <alignment horizontal="left" vertical="center" wrapText="1"/>
    </xf>
    <xf numFmtId="0" fontId="51" fillId="0" borderId="34" xfId="0" applyFont="1" applyBorder="1" applyAlignment="1">
      <alignment vertical="top"/>
    </xf>
    <xf numFmtId="0" fontId="39" fillId="0" borderId="17" xfId="0" applyFont="1" applyBorder="1">
      <alignment vertical="center"/>
    </xf>
    <xf numFmtId="3" fontId="9" fillId="0" borderId="0" xfId="14" applyNumberFormat="1" applyFont="1" applyFill="1" applyAlignment="1">
      <alignment vertical="center"/>
    </xf>
    <xf numFmtId="0" fontId="8" fillId="0" borderId="0" xfId="3" applyFont="1" applyFill="1" applyAlignment="1">
      <alignment horizontal="center" vertical="center"/>
    </xf>
    <xf numFmtId="0" fontId="38" fillId="0" borderId="1" xfId="3" applyFont="1" applyBorder="1" applyAlignment="1">
      <alignment vertical="center"/>
    </xf>
    <xf numFmtId="0" fontId="39" fillId="0" borderId="35" xfId="0" applyFont="1" applyBorder="1">
      <alignment vertical="center"/>
    </xf>
    <xf numFmtId="0" fontId="39" fillId="0" borderId="36" xfId="0" applyFont="1" applyBorder="1">
      <alignment vertical="center"/>
    </xf>
    <xf numFmtId="0" fontId="39" fillId="0" borderId="1" xfId="0" applyFont="1" applyBorder="1" applyAlignment="1">
      <alignment horizontal="left" vertical="top" wrapText="1"/>
    </xf>
    <xf numFmtId="0" fontId="39" fillId="0" borderId="15" xfId="0" applyFont="1" applyBorder="1">
      <alignment vertical="center"/>
    </xf>
    <xf numFmtId="0" fontId="39" fillId="0" borderId="16" xfId="0" applyFont="1" applyBorder="1">
      <alignment vertical="center"/>
    </xf>
    <xf numFmtId="0" fontId="39" fillId="0" borderId="41" xfId="0" applyFont="1" applyBorder="1">
      <alignment vertical="center"/>
    </xf>
    <xf numFmtId="0" fontId="39" fillId="0" borderId="18" xfId="0" applyFont="1" applyBorder="1">
      <alignment vertical="center"/>
    </xf>
    <xf numFmtId="0" fontId="39" fillId="0" borderId="13" xfId="0" applyFont="1" applyBorder="1">
      <alignment vertical="center"/>
    </xf>
    <xf numFmtId="0" fontId="39" fillId="0" borderId="34" xfId="0" applyFont="1" applyBorder="1">
      <alignment vertical="center"/>
    </xf>
    <xf numFmtId="0" fontId="39" fillId="0" borderId="26" xfId="0" applyFont="1" applyBorder="1" applyAlignment="1">
      <alignment vertical="top" wrapText="1"/>
    </xf>
    <xf numFmtId="0" fontId="39" fillId="0" borderId="34" xfId="0" applyFont="1" applyBorder="1" applyAlignment="1">
      <alignment vertical="top" wrapText="1"/>
    </xf>
    <xf numFmtId="0" fontId="86" fillId="0" borderId="1" xfId="0" applyFont="1" applyFill="1" applyBorder="1" applyAlignment="1">
      <alignment horizontal="center" vertical="center" wrapText="1"/>
    </xf>
    <xf numFmtId="0" fontId="39" fillId="0" borderId="42" xfId="0" applyFont="1" applyBorder="1" applyAlignment="1">
      <alignment vertical="top" wrapText="1"/>
    </xf>
    <xf numFmtId="0" fontId="39" fillId="0" borderId="38" xfId="0" applyFont="1" applyBorder="1" applyAlignment="1">
      <alignment vertical="top" wrapText="1"/>
    </xf>
    <xf numFmtId="0" fontId="39" fillId="0" borderId="13" xfId="3" applyFont="1" applyBorder="1" applyAlignment="1">
      <alignment vertical="top" wrapText="1"/>
    </xf>
    <xf numFmtId="0" fontId="39" fillId="0" borderId="43" xfId="0" applyFont="1" applyBorder="1">
      <alignment vertical="center"/>
    </xf>
    <xf numFmtId="0" fontId="38" fillId="0" borderId="33" xfId="3" applyFont="1" applyBorder="1" applyAlignment="1">
      <alignment vertical="center"/>
    </xf>
    <xf numFmtId="0" fontId="39" fillId="0" borderId="16" xfId="3" applyFont="1" applyBorder="1" applyAlignment="1">
      <alignment vertical="center"/>
    </xf>
    <xf numFmtId="0" fontId="39" fillId="0" borderId="41" xfId="3" applyFont="1" applyBorder="1" applyAlignment="1">
      <alignment vertical="center"/>
    </xf>
    <xf numFmtId="0" fontId="39" fillId="0" borderId="35" xfId="3" applyFont="1" applyBorder="1" applyAlignment="1">
      <alignment vertical="center"/>
    </xf>
    <xf numFmtId="0" fontId="39" fillId="0" borderId="35" xfId="13" applyFont="1" applyBorder="1">
      <alignment vertical="center"/>
    </xf>
    <xf numFmtId="0" fontId="39" fillId="0" borderId="31" xfId="13" applyFont="1" applyBorder="1" applyAlignment="1">
      <alignment horizontal="left" vertical="top" wrapText="1"/>
    </xf>
    <xf numFmtId="0" fontId="39" fillId="0" borderId="26" xfId="13" applyFont="1" applyBorder="1" applyAlignment="1">
      <alignment horizontal="left" vertical="top" wrapText="1"/>
    </xf>
    <xf numFmtId="0" fontId="39" fillId="0" borderId="43" xfId="13" applyFont="1" applyBorder="1">
      <alignment vertical="center"/>
    </xf>
    <xf numFmtId="0" fontId="39" fillId="0" borderId="44" xfId="13" applyFont="1" applyBorder="1" applyAlignment="1">
      <alignment horizontal="left" vertical="top" wrapText="1"/>
    </xf>
    <xf numFmtId="0" fontId="39" fillId="0" borderId="1" xfId="13" applyFont="1" applyBorder="1">
      <alignment vertical="center"/>
    </xf>
    <xf numFmtId="0" fontId="39" fillId="0" borderId="18" xfId="13" applyFont="1" applyBorder="1" applyAlignment="1">
      <alignment horizontal="left" vertical="top" wrapText="1"/>
    </xf>
    <xf numFmtId="0" fontId="120" fillId="0" borderId="1" xfId="3" applyFont="1" applyFill="1" applyBorder="1" applyAlignment="1">
      <alignment horizontal="left" vertical="center"/>
    </xf>
    <xf numFmtId="0" fontId="39" fillId="0" borderId="13" xfId="3" applyFont="1" applyBorder="1" applyAlignment="1">
      <alignment vertical="center"/>
    </xf>
    <xf numFmtId="0" fontId="39" fillId="0" borderId="11" xfId="3" applyFont="1" applyBorder="1" applyAlignment="1">
      <alignment vertical="center"/>
    </xf>
    <xf numFmtId="0" fontId="39" fillId="0" borderId="35" xfId="3" applyFont="1" applyBorder="1" applyAlignment="1">
      <alignment horizontal="center" vertical="center"/>
    </xf>
    <xf numFmtId="0" fontId="39" fillId="0" borderId="41" xfId="3" applyFont="1" applyBorder="1" applyAlignment="1">
      <alignment horizontal="center" vertical="center"/>
    </xf>
    <xf numFmtId="0" fontId="39" fillId="0" borderId="37" xfId="13" applyFont="1" applyBorder="1" applyAlignment="1">
      <alignment vertical="top" wrapText="1"/>
    </xf>
    <xf numFmtId="0" fontId="39" fillId="0" borderId="29" xfId="13" applyFont="1" applyBorder="1" applyAlignment="1">
      <alignment horizontal="left" vertical="top" wrapText="1"/>
    </xf>
    <xf numFmtId="0" fontId="39" fillId="0" borderId="18" xfId="3" applyFont="1" applyBorder="1" applyAlignment="1">
      <alignment vertical="center"/>
    </xf>
    <xf numFmtId="0" fontId="39" fillId="0" borderId="1" xfId="13" applyFont="1" applyBorder="1" applyAlignment="1">
      <alignment horizontal="center" vertical="center"/>
    </xf>
    <xf numFmtId="0" fontId="39" fillId="0" borderId="28" xfId="13" applyFont="1" applyBorder="1" applyAlignment="1">
      <alignment horizontal="left" vertical="top" wrapText="1"/>
    </xf>
    <xf numFmtId="0" fontId="39" fillId="0" borderId="43" xfId="13" applyFont="1" applyBorder="1" applyAlignment="1">
      <alignment horizontal="center" vertical="center"/>
    </xf>
    <xf numFmtId="0" fontId="39" fillId="2" borderId="0" xfId="13" applyFont="1" applyFill="1" applyAlignment="1">
      <alignment horizontal="left" vertical="top" wrapText="1"/>
    </xf>
    <xf numFmtId="0" fontId="39" fillId="2" borderId="1" xfId="13" applyFont="1" applyFill="1" applyBorder="1" applyAlignment="1">
      <alignment horizontal="left" vertical="top" wrapText="1"/>
    </xf>
    <xf numFmtId="0" fontId="38" fillId="0" borderId="16" xfId="3" applyFont="1" applyBorder="1" applyAlignment="1">
      <alignment horizontal="left" vertical="center" wrapText="1"/>
    </xf>
    <xf numFmtId="0" fontId="38" fillId="0" borderId="13" xfId="3" applyFont="1" applyBorder="1" applyAlignment="1">
      <alignment horizontal="left" vertical="center" wrapText="1"/>
    </xf>
    <xf numFmtId="0" fontId="39" fillId="0" borderId="11" xfId="13" applyFont="1" applyBorder="1" applyAlignment="1">
      <alignment horizontal="center" vertical="center"/>
    </xf>
    <xf numFmtId="0" fontId="39" fillId="0" borderId="1" xfId="13" applyFont="1" applyBorder="1" applyAlignment="1">
      <alignment horizontal="left" vertical="top" wrapText="1"/>
    </xf>
    <xf numFmtId="0" fontId="39" fillId="2" borderId="29" xfId="13" applyFont="1" applyFill="1" applyBorder="1" applyAlignment="1">
      <alignment horizontal="left" vertical="top" wrapText="1"/>
    </xf>
    <xf numFmtId="0" fontId="39" fillId="0" borderId="12" xfId="3" applyFont="1" applyBorder="1" applyAlignment="1">
      <alignment horizontal="left" vertical="top" wrapText="1"/>
    </xf>
    <xf numFmtId="0" fontId="39" fillId="0" borderId="45" xfId="13" applyFont="1" applyBorder="1" applyAlignment="1">
      <alignment horizontal="left" vertical="top" wrapText="1"/>
    </xf>
    <xf numFmtId="0" fontId="38" fillId="0" borderId="1" xfId="3" applyFont="1" applyBorder="1" applyAlignment="1">
      <alignment vertical="center" wrapText="1"/>
    </xf>
    <xf numFmtId="0" fontId="121" fillId="0" borderId="1" xfId="3" applyFont="1" applyBorder="1" applyAlignment="1">
      <alignment horizontal="left" vertical="center" wrapText="1"/>
    </xf>
    <xf numFmtId="0" fontId="39" fillId="0" borderId="13" xfId="3" applyFont="1" applyBorder="1"/>
    <xf numFmtId="0" fontId="51" fillId="0" borderId="6" xfId="3" applyFont="1" applyBorder="1" applyAlignment="1">
      <alignment horizontal="left" vertical="center"/>
    </xf>
    <xf numFmtId="0" fontId="122" fillId="0" borderId="1" xfId="3" applyFont="1" applyBorder="1" applyAlignment="1">
      <alignment horizontal="left" vertical="center"/>
    </xf>
    <xf numFmtId="0" fontId="122" fillId="0" borderId="1" xfId="3" applyFont="1" applyFill="1" applyBorder="1" applyAlignment="1">
      <alignment horizontal="left" vertical="center"/>
    </xf>
    <xf numFmtId="0" fontId="39" fillId="0" borderId="18" xfId="3" applyFont="1" applyBorder="1"/>
    <xf numFmtId="0" fontId="123" fillId="8" borderId="16" xfId="3" applyFont="1" applyFill="1" applyBorder="1" applyAlignment="1">
      <alignment horizontal="left" vertical="center"/>
    </xf>
    <xf numFmtId="0" fontId="38" fillId="8" borderId="17" xfId="3" applyFont="1" applyFill="1" applyBorder="1" applyAlignment="1">
      <alignment horizontal="left" vertical="center"/>
    </xf>
    <xf numFmtId="0" fontId="39" fillId="0" borderId="45" xfId="0" applyFont="1" applyBorder="1" applyAlignment="1">
      <alignment horizontal="left" vertical="top" wrapText="1"/>
    </xf>
    <xf numFmtId="0" fontId="47" fillId="0" borderId="1" xfId="14" applyNumberFormat="1" applyFont="1" applyBorder="1" applyAlignment="1">
      <alignment vertical="center" wrapText="1"/>
    </xf>
    <xf numFmtId="0" fontId="39" fillId="5" borderId="1" xfId="13" applyFont="1" applyFill="1" applyBorder="1" applyAlignment="1">
      <alignment horizontal="left" vertical="top" wrapText="1"/>
    </xf>
    <xf numFmtId="0" fontId="48" fillId="0" borderId="11" xfId="0" applyFont="1" applyBorder="1" applyAlignment="1">
      <alignment horizontal="left" vertical="center"/>
    </xf>
    <xf numFmtId="0" fontId="3" fillId="0" borderId="11" xfId="7" applyFont="1" applyBorder="1" applyAlignment="1">
      <alignment horizontal="center" vertical="center"/>
    </xf>
    <xf numFmtId="0" fontId="3" fillId="0" borderId="18" xfId="7" applyFont="1" applyBorder="1" applyAlignment="1">
      <alignment horizontal="center" vertical="center"/>
    </xf>
    <xf numFmtId="0" fontId="3" fillId="0" borderId="41" xfId="7" applyFont="1" applyBorder="1" applyAlignment="1">
      <alignment horizontal="left" vertical="center"/>
    </xf>
    <xf numFmtId="0" fontId="124" fillId="2" borderId="1" xfId="24" applyFont="1" applyFill="1" applyBorder="1">
      <alignment vertical="center"/>
    </xf>
    <xf numFmtId="0" fontId="48" fillId="0" borderId="1" xfId="0" applyFont="1" applyBorder="1" applyAlignment="1">
      <alignment horizontal="center" vertical="center"/>
    </xf>
    <xf numFmtId="0" fontId="44" fillId="0" borderId="18" xfId="3" applyFont="1" applyBorder="1" applyAlignment="1">
      <alignment horizontal="left" vertical="top" wrapText="1"/>
    </xf>
    <xf numFmtId="0" fontId="3" fillId="0" borderId="1" xfId="3" applyFont="1" applyBorder="1" applyAlignment="1">
      <alignment vertical="center" wrapText="1"/>
    </xf>
    <xf numFmtId="0" fontId="3" fillId="0" borderId="11" xfId="3" applyFont="1" applyBorder="1" applyAlignment="1">
      <alignment vertical="center" wrapText="1"/>
    </xf>
    <xf numFmtId="0" fontId="3" fillId="0" borderId="18" xfId="7" applyFont="1" applyBorder="1" applyAlignment="1">
      <alignment horizontal="center" vertical="center"/>
    </xf>
    <xf numFmtId="0" fontId="120" fillId="0" borderId="1" xfId="3" applyFont="1" applyBorder="1" applyAlignment="1">
      <alignment horizontal="left" vertical="center"/>
    </xf>
    <xf numFmtId="0" fontId="90" fillId="0" borderId="1" xfId="3" applyFont="1" applyBorder="1" applyAlignment="1">
      <alignment vertical="center"/>
    </xf>
    <xf numFmtId="0" fontId="90" fillId="0" borderId="33" xfId="3" applyFont="1" applyBorder="1" applyAlignment="1">
      <alignment vertical="center"/>
    </xf>
    <xf numFmtId="0" fontId="90" fillId="0" borderId="12" xfId="3" applyFont="1" applyBorder="1" applyAlignment="1">
      <alignment horizontal="left" vertical="center"/>
    </xf>
    <xf numFmtId="0" fontId="90" fillId="0" borderId="7" xfId="3" applyFont="1" applyBorder="1" applyAlignment="1">
      <alignment horizontal="left" vertical="center"/>
    </xf>
    <xf numFmtId="0" fontId="90" fillId="0" borderId="1" xfId="3" applyFont="1" applyFill="1" applyBorder="1" applyAlignment="1">
      <alignment horizontal="left" vertical="center"/>
    </xf>
    <xf numFmtId="0" fontId="90" fillId="0" borderId="6" xfId="3" applyFont="1" applyBorder="1" applyAlignment="1">
      <alignment horizontal="left" vertical="center" wrapText="1"/>
    </xf>
    <xf numFmtId="0" fontId="95" fillId="0" borderId="1" xfId="3" applyFont="1" applyBorder="1" applyAlignment="1">
      <alignment horizontal="left" vertical="center"/>
    </xf>
    <xf numFmtId="0" fontId="90" fillId="0" borderId="7" xfId="3" applyFont="1" applyFill="1" applyBorder="1" applyAlignment="1">
      <alignment horizontal="left" vertical="center"/>
    </xf>
    <xf numFmtId="0" fontId="90" fillId="0" borderId="6" xfId="3" applyFont="1" applyFill="1" applyBorder="1" applyAlignment="1">
      <alignment horizontal="left" vertical="center"/>
    </xf>
    <xf numFmtId="0" fontId="90" fillId="0" borderId="13" xfId="3" applyFont="1" applyBorder="1" applyAlignment="1">
      <alignment horizontal="left" vertical="center"/>
    </xf>
    <xf numFmtId="0" fontId="90" fillId="0" borderId="1" xfId="20" applyFont="1" applyBorder="1" applyAlignment="1">
      <alignment horizontal="left" vertical="center"/>
    </xf>
    <xf numFmtId="0" fontId="91" fillId="8" borderId="6" xfId="3" applyFont="1" applyFill="1" applyBorder="1" applyAlignment="1">
      <alignment vertical="center"/>
    </xf>
    <xf numFmtId="0" fontId="91" fillId="8" borderId="16" xfId="3" applyFont="1" applyFill="1" applyBorder="1" applyAlignment="1">
      <alignment horizontal="left" vertical="center"/>
    </xf>
    <xf numFmtId="165" fontId="90" fillId="5" borderId="13" xfId="13" applyNumberFormat="1" applyFont="1" applyFill="1" applyBorder="1" applyAlignment="1">
      <alignment horizontal="center" vertical="center"/>
    </xf>
    <xf numFmtId="0" fontId="92" fillId="0" borderId="1" xfId="14" applyNumberFormat="1" applyFont="1" applyBorder="1" applyAlignment="1">
      <alignment horizontal="center" vertical="center"/>
    </xf>
    <xf numFmtId="3" fontId="90" fillId="7" borderId="0" xfId="14" applyNumberFormat="1" applyFont="1" applyFill="1" applyAlignment="1">
      <alignment vertical="center"/>
    </xf>
    <xf numFmtId="0" fontId="92" fillId="0" borderId="1" xfId="14" applyNumberFormat="1" applyFont="1" applyBorder="1" applyAlignment="1">
      <alignment horizontal="center" vertical="center" wrapText="1"/>
    </xf>
    <xf numFmtId="0" fontId="92" fillId="0" borderId="12" xfId="14" applyNumberFormat="1" applyFont="1" applyBorder="1" applyAlignment="1">
      <alignment horizontal="center" vertical="center"/>
    </xf>
    <xf numFmtId="0" fontId="92" fillId="0" borderId="12" xfId="14" applyNumberFormat="1" applyFont="1" applyBorder="1" applyAlignment="1">
      <alignment horizontal="center" vertical="center" wrapText="1"/>
    </xf>
    <xf numFmtId="0" fontId="92" fillId="0" borderId="7" xfId="14" applyNumberFormat="1" applyFont="1" applyBorder="1" applyAlignment="1">
      <alignment horizontal="center" vertical="center"/>
    </xf>
    <xf numFmtId="0" fontId="91" fillId="8" borderId="12" xfId="3" applyFont="1" applyFill="1" applyBorder="1" applyAlignment="1">
      <alignment vertical="center"/>
    </xf>
    <xf numFmtId="0" fontId="90" fillId="0" borderId="28" xfId="13" applyFont="1" applyBorder="1" applyAlignment="1">
      <alignment horizontal="left" vertical="top" wrapText="1"/>
    </xf>
    <xf numFmtId="0" fontId="91" fillId="8" borderId="0" xfId="3" applyFont="1" applyFill="1" applyBorder="1" applyAlignment="1">
      <alignment horizontal="left" vertical="center"/>
    </xf>
    <xf numFmtId="0" fontId="90" fillId="0" borderId="1" xfId="3" applyFont="1" applyBorder="1" applyAlignment="1">
      <alignment horizontal="center" vertical="center"/>
    </xf>
    <xf numFmtId="167" fontId="92" fillId="0" borderId="1" xfId="14" applyNumberFormat="1" applyFont="1" applyBorder="1" applyAlignment="1">
      <alignment horizontal="center" vertical="center"/>
    </xf>
    <xf numFmtId="9" fontId="90" fillId="0" borderId="1" xfId="14" applyFont="1" applyBorder="1" applyAlignment="1">
      <alignment vertical="center"/>
    </xf>
    <xf numFmtId="0" fontId="92" fillId="0" borderId="1" xfId="0" applyFont="1" applyBorder="1">
      <alignment vertical="center"/>
    </xf>
    <xf numFmtId="0" fontId="92" fillId="0" borderId="12" xfId="0" applyFont="1" applyBorder="1">
      <alignment vertical="center"/>
    </xf>
    <xf numFmtId="0" fontId="92" fillId="0" borderId="12" xfId="0" applyFont="1" applyBorder="1" applyAlignment="1">
      <alignment horizontal="center" vertical="center"/>
    </xf>
    <xf numFmtId="0" fontId="92" fillId="0" borderId="1" xfId="0" applyFont="1" applyBorder="1" applyAlignment="1">
      <alignment vertical="top" wrapText="1"/>
    </xf>
    <xf numFmtId="0" fontId="92" fillId="0" borderId="1" xfId="0" applyFont="1" applyBorder="1" applyAlignment="1">
      <alignment horizontal="center" vertical="center" wrapText="1"/>
    </xf>
    <xf numFmtId="0" fontId="92" fillId="0" borderId="1" xfId="0" applyFont="1" applyBorder="1" applyAlignment="1">
      <alignment vertical="center" wrapText="1"/>
    </xf>
    <xf numFmtId="0" fontId="90" fillId="2" borderId="1" xfId="3" applyFont="1" applyFill="1" applyBorder="1" applyAlignment="1">
      <alignment horizontal="left" vertical="center" wrapText="1"/>
    </xf>
    <xf numFmtId="0" fontId="90" fillId="2" borderId="1" xfId="3" applyFont="1" applyFill="1" applyBorder="1" applyAlignment="1">
      <alignment horizontal="center" vertical="center"/>
    </xf>
    <xf numFmtId="0" fontId="90" fillId="2" borderId="1" xfId="3" applyFont="1" applyFill="1" applyBorder="1" applyAlignment="1">
      <alignment horizontal="center" vertical="center" wrapText="1"/>
    </xf>
    <xf numFmtId="49" fontId="90" fillId="2" borderId="1" xfId="3" applyNumberFormat="1" applyFont="1" applyFill="1" applyBorder="1" applyAlignment="1">
      <alignment horizontal="center" vertical="center" wrapText="1"/>
    </xf>
    <xf numFmtId="0" fontId="92" fillId="0" borderId="12" xfId="0" applyFont="1" applyBorder="1" applyAlignment="1">
      <alignment vertical="center" wrapText="1"/>
    </xf>
    <xf numFmtId="0" fontId="92" fillId="0" borderId="0" xfId="3" applyFont="1" applyAlignment="1">
      <alignment vertical="center" wrapText="1"/>
    </xf>
    <xf numFmtId="0" fontId="92" fillId="0" borderId="0" xfId="3" applyFont="1" applyAlignment="1">
      <alignment vertical="center"/>
    </xf>
    <xf numFmtId="0" fontId="95" fillId="0" borderId="1" xfId="0" applyFont="1" applyBorder="1">
      <alignment vertical="center"/>
    </xf>
    <xf numFmtId="0" fontId="95" fillId="0" borderId="1" xfId="0" applyFont="1" applyBorder="1" applyAlignment="1">
      <alignment vertical="top" wrapText="1"/>
    </xf>
    <xf numFmtId="0" fontId="91" fillId="8" borderId="0" xfId="3" applyFont="1" applyFill="1" applyBorder="1" applyAlignment="1">
      <alignment horizontal="left" vertical="top" wrapText="1"/>
    </xf>
    <xf numFmtId="0" fontId="90" fillId="2" borderId="1" xfId="3" applyFont="1" applyFill="1" applyBorder="1" applyAlignment="1">
      <alignment horizontal="left" vertical="top" wrapText="1"/>
    </xf>
    <xf numFmtId="0" fontId="38" fillId="8" borderId="12" xfId="3" applyFont="1" applyFill="1" applyBorder="1" applyAlignment="1">
      <alignment horizontal="left" vertical="top" wrapText="1"/>
    </xf>
    <xf numFmtId="0" fontId="91" fillId="8" borderId="7" xfId="3" applyFont="1" applyFill="1" applyBorder="1" applyAlignment="1">
      <alignment horizontal="left" vertical="top" wrapText="1"/>
    </xf>
    <xf numFmtId="0" fontId="91" fillId="8" borderId="12" xfId="3" applyFont="1" applyFill="1" applyBorder="1" applyAlignment="1">
      <alignment horizontal="left" vertical="top" wrapText="1"/>
    </xf>
    <xf numFmtId="0" fontId="92" fillId="0" borderId="0" xfId="3" applyFont="1" applyAlignment="1">
      <alignment horizontal="left" vertical="top" wrapText="1"/>
    </xf>
    <xf numFmtId="0" fontId="90" fillId="0" borderId="0" xfId="3" applyFont="1" applyAlignment="1">
      <alignment horizontal="left" vertical="top" wrapText="1"/>
    </xf>
    <xf numFmtId="0" fontId="0" fillId="0" borderId="0" xfId="0" applyAlignment="1">
      <alignment horizontal="left" vertical="top" wrapText="1"/>
    </xf>
    <xf numFmtId="0" fontId="38" fillId="8" borderId="12" xfId="3" applyFont="1" applyFill="1" applyBorder="1" applyAlignment="1">
      <alignment horizontal="left" vertical="center"/>
    </xf>
    <xf numFmtId="0" fontId="91" fillId="8" borderId="7" xfId="3" applyFont="1" applyFill="1" applyBorder="1" applyAlignment="1">
      <alignment horizontal="left" vertical="center"/>
    </xf>
    <xf numFmtId="0" fontId="91" fillId="8" borderId="12" xfId="3" applyFont="1" applyFill="1" applyBorder="1" applyAlignment="1">
      <alignment horizontal="left" vertical="center"/>
    </xf>
    <xf numFmtId="0" fontId="0" fillId="0" borderId="0" xfId="0" applyAlignment="1">
      <alignment horizontal="left" vertical="center"/>
    </xf>
    <xf numFmtId="0" fontId="41" fillId="0" borderId="7" xfId="3" applyFont="1" applyBorder="1" applyAlignment="1">
      <alignment horizontal="left" vertical="center"/>
    </xf>
    <xf numFmtId="0" fontId="39" fillId="8" borderId="12" xfId="3" applyFont="1" applyFill="1" applyBorder="1" applyAlignment="1">
      <alignment vertical="center"/>
    </xf>
    <xf numFmtId="0" fontId="90" fillId="8" borderId="12" xfId="3" applyFont="1" applyFill="1" applyBorder="1" applyAlignment="1">
      <alignment vertical="center"/>
    </xf>
    <xf numFmtId="0" fontId="90" fillId="8" borderId="0" xfId="3" applyFont="1" applyFill="1" applyBorder="1" applyAlignment="1">
      <alignment horizontal="left" vertical="center"/>
    </xf>
    <xf numFmtId="0" fontId="3" fillId="0" borderId="13" xfId="7" applyFont="1" applyBorder="1" applyAlignment="1">
      <alignment horizontal="center" vertical="center"/>
    </xf>
    <xf numFmtId="0" fontId="3" fillId="0" borderId="11" xfId="7" applyFont="1" applyBorder="1" applyAlignment="1">
      <alignment horizontal="center" vertical="center"/>
    </xf>
    <xf numFmtId="0" fontId="3" fillId="0" borderId="18" xfId="7" applyFont="1" applyBorder="1" applyAlignment="1">
      <alignment horizontal="center" vertical="center"/>
    </xf>
    <xf numFmtId="0" fontId="92" fillId="0" borderId="7" xfId="14" applyNumberFormat="1" applyFont="1" applyBorder="1" applyAlignment="1">
      <alignment horizontal="center" vertical="center" wrapText="1"/>
    </xf>
    <xf numFmtId="0" fontId="125" fillId="0" borderId="46" xfId="24" applyFont="1" applyBorder="1" applyAlignment="1">
      <alignment horizontal="left" vertical="center"/>
    </xf>
    <xf numFmtId="0" fontId="126" fillId="0" borderId="0" xfId="24" applyFont="1" applyAlignment="1">
      <alignment horizontal="left" vertical="center"/>
    </xf>
    <xf numFmtId="0" fontId="49" fillId="0" borderId="0" xfId="24" applyFont="1">
      <alignment vertical="center"/>
    </xf>
    <xf numFmtId="0" fontId="49" fillId="0" borderId="47" xfId="24" applyFont="1" applyBorder="1">
      <alignment vertical="center"/>
    </xf>
    <xf numFmtId="0" fontId="49" fillId="0" borderId="48" xfId="24" applyFont="1" applyBorder="1">
      <alignment vertical="center"/>
    </xf>
    <xf numFmtId="0" fontId="49" fillId="0" borderId="49" xfId="24" applyFont="1" applyBorder="1">
      <alignment vertical="center"/>
    </xf>
    <xf numFmtId="0" fontId="49" fillId="0" borderId="0" xfId="24" applyFont="1" applyAlignment="1">
      <alignment horizontal="left" vertical="center"/>
    </xf>
    <xf numFmtId="0" fontId="126" fillId="21" borderId="0" xfId="24" applyFont="1" applyFill="1">
      <alignment vertical="center"/>
    </xf>
    <xf numFmtId="0" fontId="126" fillId="21" borderId="50" xfId="24" applyFont="1" applyFill="1" applyBorder="1">
      <alignment vertical="center"/>
    </xf>
    <xf numFmtId="0" fontId="126" fillId="21" borderId="51" xfId="24" applyFont="1" applyFill="1" applyBorder="1">
      <alignment vertical="center"/>
    </xf>
    <xf numFmtId="0" fontId="126" fillId="0" borderId="0" xfId="24" applyFont="1">
      <alignment vertical="center"/>
    </xf>
    <xf numFmtId="0" fontId="49" fillId="0" borderId="50" xfId="24" applyFont="1" applyBorder="1">
      <alignment vertical="center"/>
    </xf>
    <xf numFmtId="0" fontId="125" fillId="0" borderId="50" xfId="24" applyFont="1" applyBorder="1">
      <alignment vertical="center"/>
    </xf>
    <xf numFmtId="0" fontId="125" fillId="0" borderId="51" xfId="24" applyFont="1" applyBorder="1" applyAlignment="1">
      <alignment horizontal="left" vertical="center"/>
    </xf>
    <xf numFmtId="0" fontId="125" fillId="0" borderId="0" xfId="24" applyFont="1" applyAlignment="1">
      <alignment horizontal="left" vertical="center"/>
    </xf>
    <xf numFmtId="0" fontId="49" fillId="0" borderId="51" xfId="24" applyFont="1" applyBorder="1">
      <alignment vertical="center"/>
    </xf>
    <xf numFmtId="0" fontId="125" fillId="0" borderId="50" xfId="24" applyFont="1" applyBorder="1" applyAlignment="1">
      <alignment horizontal="left" vertical="center"/>
    </xf>
    <xf numFmtId="0" fontId="125" fillId="0" borderId="50" xfId="24" applyFont="1" applyBorder="1" applyAlignment="1">
      <alignment horizontal="left" vertical="center" wrapText="1"/>
    </xf>
    <xf numFmtId="0" fontId="125" fillId="0" borderId="0" xfId="24" applyFont="1" applyAlignment="1">
      <alignment horizontal="left" vertical="center" wrapText="1"/>
    </xf>
    <xf numFmtId="0" fontId="49" fillId="0" borderId="52" xfId="24" applyFont="1" applyBorder="1">
      <alignment vertical="center"/>
    </xf>
    <xf numFmtId="169" fontId="125" fillId="0" borderId="50" xfId="24" applyNumberFormat="1" applyFont="1" applyBorder="1" applyAlignment="1">
      <alignment horizontal="left" vertical="center"/>
    </xf>
    <xf numFmtId="0" fontId="49" fillId="0" borderId="53" xfId="24" applyFont="1" applyBorder="1">
      <alignment vertical="center"/>
    </xf>
    <xf numFmtId="169" fontId="125" fillId="0" borderId="0" xfId="24" applyNumberFormat="1" applyFont="1" applyAlignment="1">
      <alignment horizontal="left" vertical="center"/>
    </xf>
    <xf numFmtId="0" fontId="49" fillId="0" borderId="54" xfId="24" applyFont="1" applyBorder="1">
      <alignment vertical="center"/>
    </xf>
    <xf numFmtId="0" fontId="49" fillId="0" borderId="55" xfId="24" applyFont="1" applyBorder="1" applyAlignment="1">
      <alignment horizontal="left" vertical="center"/>
    </xf>
    <xf numFmtId="0" fontId="49" fillId="0" borderId="55" xfId="24" applyFont="1" applyBorder="1">
      <alignment vertical="center"/>
    </xf>
    <xf numFmtId="0" fontId="125" fillId="0" borderId="0" xfId="24" applyFont="1">
      <alignment vertical="center"/>
    </xf>
    <xf numFmtId="0" fontId="126" fillId="21" borderId="56" xfId="24" applyFont="1" applyFill="1" applyBorder="1">
      <alignment vertical="center"/>
    </xf>
    <xf numFmtId="0" fontId="49" fillId="0" borderId="56" xfId="24" applyFont="1" applyBorder="1">
      <alignment vertical="center"/>
    </xf>
    <xf numFmtId="0" fontId="49" fillId="0" borderId="57" xfId="24" applyFont="1" applyBorder="1">
      <alignment vertical="center"/>
    </xf>
    <xf numFmtId="169" fontId="125" fillId="0" borderId="46" xfId="24" applyNumberFormat="1" applyFont="1" applyBorder="1" applyAlignment="1">
      <alignment horizontal="left" vertical="center"/>
    </xf>
    <xf numFmtId="0" fontId="49" fillId="0" borderId="46" xfId="24" applyFont="1" applyBorder="1">
      <alignment vertical="center"/>
    </xf>
    <xf numFmtId="0" fontId="125" fillId="0" borderId="46" xfId="24" applyFont="1" applyBorder="1">
      <alignment vertical="center"/>
    </xf>
    <xf numFmtId="169" fontId="125" fillId="0" borderId="53" xfId="24" applyNumberFormat="1" applyFont="1" applyBorder="1" applyAlignment="1">
      <alignment horizontal="left" vertical="center"/>
    </xf>
    <xf numFmtId="0" fontId="12" fillId="6" borderId="11" xfId="0" applyFont="1" applyFill="1" applyBorder="1" applyAlignment="1">
      <alignment horizontal="center" vertical="center"/>
    </xf>
    <xf numFmtId="0" fontId="38" fillId="6" borderId="1" xfId="0" applyFont="1" applyFill="1" applyBorder="1" applyAlignment="1">
      <alignment horizontal="center" vertical="center"/>
    </xf>
    <xf numFmtId="0" fontId="18" fillId="0" borderId="1" xfId="3" applyFont="1" applyBorder="1" applyAlignment="1">
      <alignment horizontal="left" vertical="center"/>
    </xf>
    <xf numFmtId="0" fontId="100" fillId="0" borderId="1" xfId="0" applyFont="1" applyBorder="1">
      <alignment vertical="center"/>
    </xf>
    <xf numFmtId="0" fontId="108" fillId="0" borderId="0" xfId="0" applyFont="1">
      <alignment vertical="center"/>
    </xf>
    <xf numFmtId="0" fontId="6" fillId="0" borderId="1" xfId="3" applyFont="1" applyBorder="1" applyAlignment="1">
      <alignment horizontal="center" vertical="center"/>
    </xf>
    <xf numFmtId="0" fontId="6" fillId="0" borderId="1" xfId="0" applyFont="1" applyBorder="1">
      <alignment vertical="center"/>
    </xf>
    <xf numFmtId="167" fontId="47" fillId="0" borderId="1" xfId="14" applyNumberFormat="1" applyFont="1" applyBorder="1" applyAlignment="1">
      <alignment horizontal="left" vertical="top" wrapText="1"/>
    </xf>
    <xf numFmtId="0" fontId="18" fillId="0" borderId="1" xfId="3" applyFont="1" applyBorder="1" applyAlignment="1">
      <alignment horizontal="center" vertical="center"/>
    </xf>
    <xf numFmtId="167" fontId="47" fillId="0" borderId="1" xfId="14" applyNumberFormat="1" applyFont="1" applyBorder="1" applyAlignment="1">
      <alignment vertical="center"/>
    </xf>
    <xf numFmtId="0" fontId="127" fillId="0" borderId="1" xfId="0" applyFont="1" applyBorder="1">
      <alignment vertical="center"/>
    </xf>
    <xf numFmtId="0" fontId="90" fillId="2" borderId="1" xfId="0" applyFont="1" applyFill="1" applyBorder="1">
      <alignment vertical="center"/>
    </xf>
    <xf numFmtId="0" fontId="95" fillId="0" borderId="1" xfId="0" applyFont="1" applyBorder="1" applyAlignment="1">
      <alignment vertical="center" wrapText="1"/>
    </xf>
    <xf numFmtId="0" fontId="101" fillId="0" borderId="1" xfId="3" applyFont="1" applyBorder="1" applyAlignment="1">
      <alignment horizontal="center" vertical="center"/>
    </xf>
    <xf numFmtId="0" fontId="16" fillId="2" borderId="0" xfId="3" applyFont="1" applyFill="1" applyAlignment="1">
      <alignment vertical="center" wrapText="1"/>
    </xf>
    <xf numFmtId="0" fontId="128" fillId="0" borderId="0" xfId="3" applyFont="1" applyAlignment="1">
      <alignment vertical="center" wrapText="1"/>
    </xf>
    <xf numFmtId="0" fontId="95" fillId="0" borderId="1" xfId="0" applyFont="1" applyBorder="1" applyAlignment="1">
      <alignment horizontal="left" vertical="top" wrapText="1"/>
    </xf>
    <xf numFmtId="0" fontId="0" fillId="0" borderId="1" xfId="0" applyBorder="1">
      <alignment vertical="center"/>
    </xf>
    <xf numFmtId="0" fontId="100" fillId="0" borderId="0" xfId="3" applyFont="1" applyAlignment="1">
      <alignment horizontal="center" vertical="center"/>
    </xf>
    <xf numFmtId="0" fontId="126" fillId="21" borderId="0" xfId="0" applyFont="1" applyFill="1">
      <alignment vertical="center"/>
    </xf>
    <xf numFmtId="0" fontId="49" fillId="0" borderId="0" xfId="0" applyFont="1">
      <alignment vertical="center"/>
    </xf>
    <xf numFmtId="0" fontId="49" fillId="0" borderId="48" xfId="0" applyFont="1" applyBorder="1">
      <alignment vertical="center"/>
    </xf>
    <xf numFmtId="0" fontId="49" fillId="0" borderId="59" xfId="0" applyFont="1" applyBorder="1">
      <alignment vertical="center"/>
    </xf>
    <xf numFmtId="0" fontId="126" fillId="0" borderId="16" xfId="0" applyFont="1" applyBorder="1">
      <alignment vertical="center"/>
    </xf>
    <xf numFmtId="0" fontId="126" fillId="21" borderId="50" xfId="0" applyFont="1" applyFill="1" applyBorder="1">
      <alignment vertical="center"/>
    </xf>
    <xf numFmtId="0" fontId="126" fillId="21" borderId="0" xfId="0" applyFont="1" applyFill="1" applyAlignment="1">
      <alignment vertical="center" wrapText="1"/>
    </xf>
    <xf numFmtId="0" fontId="49" fillId="0" borderId="50" xfId="0" applyFont="1" applyBorder="1">
      <alignment vertical="center"/>
    </xf>
    <xf numFmtId="0" fontId="49" fillId="0" borderId="0" xfId="0" applyFont="1" applyAlignment="1">
      <alignment vertical="center" wrapText="1"/>
    </xf>
    <xf numFmtId="0" fontId="49" fillId="0" borderId="50" xfId="0" applyFont="1" applyBorder="1" applyAlignment="1">
      <alignment vertical="center" wrapText="1"/>
    </xf>
    <xf numFmtId="165" fontId="49" fillId="0" borderId="52" xfId="0" applyNumberFormat="1" applyFont="1" applyBorder="1" applyAlignment="1">
      <alignment horizontal="left" vertical="center"/>
    </xf>
    <xf numFmtId="165" fontId="49" fillId="0" borderId="46" xfId="0" applyNumberFormat="1" applyFont="1" applyBorder="1" applyAlignment="1">
      <alignment horizontal="left" vertical="center"/>
    </xf>
    <xf numFmtId="0" fontId="49" fillId="0" borderId="46" xfId="0" applyFont="1" applyBorder="1" applyAlignment="1">
      <alignment vertical="center" wrapText="1"/>
    </xf>
    <xf numFmtId="0" fontId="126" fillId="0" borderId="0" xfId="0" applyFont="1" applyAlignment="1">
      <alignment vertical="center" wrapText="1"/>
    </xf>
    <xf numFmtId="0" fontId="126" fillId="2" borderId="0" xfId="0" applyFont="1" applyFill="1">
      <alignment vertical="center"/>
    </xf>
    <xf numFmtId="0" fontId="49" fillId="0" borderId="48" xfId="0" applyFont="1" applyBorder="1" applyAlignment="1">
      <alignment vertical="center" wrapText="1"/>
    </xf>
    <xf numFmtId="0" fontId="49" fillId="0" borderId="58" xfId="0" applyFont="1" applyBorder="1">
      <alignment vertical="center"/>
    </xf>
    <xf numFmtId="0" fontId="126" fillId="21" borderId="51" xfId="0" applyFont="1" applyFill="1" applyBorder="1" applyAlignment="1">
      <alignment vertical="center" wrapText="1"/>
    </xf>
    <xf numFmtId="0" fontId="49" fillId="0" borderId="51" xfId="0" applyFont="1" applyBorder="1">
      <alignment vertical="center"/>
    </xf>
    <xf numFmtId="0" fontId="49" fillId="0" borderId="51" xfId="0" applyFont="1" applyBorder="1" applyAlignment="1">
      <alignment vertical="center" wrapText="1"/>
    </xf>
    <xf numFmtId="0" fontId="49" fillId="0" borderId="53" xfId="0" applyFont="1" applyBorder="1" applyAlignment="1">
      <alignment vertical="center" wrapText="1"/>
    </xf>
    <xf numFmtId="165" fontId="49" fillId="0" borderId="0" xfId="0" applyNumberFormat="1" applyFont="1" applyAlignment="1">
      <alignment horizontal="left" vertical="center"/>
    </xf>
    <xf numFmtId="0" fontId="49" fillId="0" borderId="0" xfId="0" applyFont="1" applyAlignment="1">
      <alignment horizontal="center" vertical="center"/>
    </xf>
    <xf numFmtId="0" fontId="49" fillId="0" borderId="0" xfId="0" applyFont="1" applyAlignment="1">
      <alignment horizontal="center" vertical="center" wrapText="1"/>
    </xf>
    <xf numFmtId="0" fontId="49" fillId="0" borderId="52" xfId="0" applyFont="1" applyBorder="1">
      <alignment vertical="center"/>
    </xf>
    <xf numFmtId="0" fontId="49" fillId="0" borderId="46" xfId="0" applyFont="1" applyBorder="1">
      <alignment vertical="center"/>
    </xf>
    <xf numFmtId="0" fontId="49" fillId="0" borderId="53" xfId="0" applyFont="1" applyBorder="1">
      <alignment vertical="center"/>
    </xf>
    <xf numFmtId="0" fontId="65" fillId="0" borderId="52" xfId="0" applyFont="1" applyBorder="1">
      <alignment vertical="center"/>
    </xf>
    <xf numFmtId="0" fontId="65" fillId="0" borderId="48" xfId="0" applyFont="1" applyBorder="1">
      <alignment vertical="center"/>
    </xf>
    <xf numFmtId="0" fontId="65" fillId="0" borderId="59" xfId="0" applyFont="1" applyBorder="1">
      <alignment vertical="center"/>
    </xf>
    <xf numFmtId="0" fontId="125" fillId="0" borderId="50" xfId="0" applyFont="1" applyBorder="1">
      <alignment vertical="center"/>
    </xf>
    <xf numFmtId="0" fontId="125" fillId="0" borderId="0" xfId="0" applyFont="1">
      <alignment vertical="center"/>
    </xf>
    <xf numFmtId="0" fontId="125" fillId="0" borderId="50" xfId="0" applyFont="1" applyBorder="1" applyAlignment="1">
      <alignment vertical="center" wrapText="1"/>
    </xf>
    <xf numFmtId="0" fontId="125" fillId="0" borderId="0" xfId="0" applyFont="1" applyAlignment="1">
      <alignment vertical="center" wrapText="1"/>
    </xf>
    <xf numFmtId="0" fontId="49" fillId="0" borderId="59" xfId="0" applyFont="1" applyBorder="1" applyAlignment="1">
      <alignment vertical="center" wrapText="1"/>
    </xf>
    <xf numFmtId="165" fontId="49" fillId="0" borderId="53" xfId="0" applyNumberFormat="1" applyFont="1" applyBorder="1" applyAlignment="1">
      <alignment horizontal="left" vertical="center"/>
    </xf>
    <xf numFmtId="165" fontId="65" fillId="0" borderId="46" xfId="0" applyNumberFormat="1" applyFont="1" applyBorder="1" applyAlignment="1">
      <alignment horizontal="left" vertical="center"/>
    </xf>
    <xf numFmtId="0" fontId="65" fillId="21" borderId="0" xfId="0" applyFont="1" applyFill="1">
      <alignment vertical="center"/>
    </xf>
    <xf numFmtId="0" fontId="49" fillId="0" borderId="58" xfId="0" applyFont="1" applyBorder="1" applyAlignment="1">
      <alignment vertical="center" wrapText="1"/>
    </xf>
    <xf numFmtId="165" fontId="49" fillId="0" borderId="1" xfId="0" applyNumberFormat="1" applyFont="1" applyBorder="1" applyAlignment="1">
      <alignment horizontal="left" vertical="center"/>
    </xf>
    <xf numFmtId="0" fontId="126" fillId="21" borderId="1" xfId="0" applyFont="1" applyFill="1" applyBorder="1">
      <alignment vertical="center"/>
    </xf>
    <xf numFmtId="0" fontId="49" fillId="0" borderId="1" xfId="0" applyFont="1" applyBorder="1">
      <alignment vertical="center"/>
    </xf>
    <xf numFmtId="0" fontId="125" fillId="0" borderId="1" xfId="0" applyFont="1" applyBorder="1">
      <alignment vertical="center"/>
    </xf>
    <xf numFmtId="0" fontId="49" fillId="0" borderId="1" xfId="0" applyFont="1" applyBorder="1" applyAlignment="1">
      <alignment vertical="center" wrapText="1"/>
    </xf>
    <xf numFmtId="0" fontId="125" fillId="0" borderId="1" xfId="0" applyFont="1" applyBorder="1" applyAlignment="1">
      <alignment vertical="center" wrapText="1"/>
    </xf>
    <xf numFmtId="0" fontId="65" fillId="2" borderId="0" xfId="0" applyFont="1" applyFill="1" applyAlignment="1">
      <alignment vertical="center" wrapText="1"/>
    </xf>
    <xf numFmtId="0" fontId="126" fillId="21" borderId="51" xfId="0" applyFont="1" applyFill="1" applyBorder="1">
      <alignment vertical="center"/>
    </xf>
    <xf numFmtId="0" fontId="125" fillId="0" borderId="51" xfId="0" applyFont="1" applyBorder="1">
      <alignment vertical="center"/>
    </xf>
    <xf numFmtId="0" fontId="125" fillId="0" borderId="50" xfId="0" applyFont="1" applyBorder="1" applyAlignment="1">
      <alignment horizontal="left" vertical="center" wrapText="1"/>
    </xf>
    <xf numFmtId="0" fontId="125" fillId="0" borderId="0" xfId="0" applyFont="1" applyAlignment="1">
      <alignment horizontal="left" vertical="center" wrapText="1"/>
    </xf>
    <xf numFmtId="0" fontId="125" fillId="0" borderId="51" xfId="0" applyFont="1" applyBorder="1" applyAlignment="1">
      <alignment vertical="center" wrapText="1"/>
    </xf>
    <xf numFmtId="0" fontId="126" fillId="21" borderId="50" xfId="0" applyFont="1" applyFill="1" applyBorder="1" applyAlignment="1">
      <alignment vertical="center" wrapText="1"/>
    </xf>
    <xf numFmtId="0" fontId="3" fillId="0" borderId="18" xfId="7" applyFont="1" applyBorder="1" applyAlignment="1">
      <alignment horizontal="center" vertical="center"/>
    </xf>
    <xf numFmtId="0" fontId="90" fillId="0" borderId="0" xfId="13" applyFont="1" applyBorder="1" applyAlignment="1">
      <alignment horizontal="left" vertical="top" wrapText="1"/>
    </xf>
    <xf numFmtId="0" fontId="3" fillId="0" borderId="1" xfId="7" applyFont="1" applyBorder="1" applyAlignment="1">
      <alignment vertical="center"/>
    </xf>
    <xf numFmtId="0" fontId="90" fillId="0" borderId="45" xfId="13" applyFont="1" applyFill="1" applyBorder="1" applyAlignment="1">
      <alignment horizontal="left" vertical="top" wrapText="1"/>
    </xf>
    <xf numFmtId="0" fontId="129" fillId="0" borderId="18" xfId="7" applyFont="1" applyBorder="1" applyAlignment="1">
      <alignment horizontal="left" vertical="top"/>
    </xf>
    <xf numFmtId="0" fontId="3" fillId="0" borderId="41" xfId="7" applyFont="1" applyBorder="1" applyAlignment="1">
      <alignment horizontal="center" vertical="center"/>
    </xf>
    <xf numFmtId="0" fontId="125" fillId="2" borderId="1" xfId="3" applyFont="1" applyFill="1" applyBorder="1" applyAlignment="1">
      <alignment horizontal="left" vertical="center"/>
    </xf>
    <xf numFmtId="0" fontId="125" fillId="2" borderId="1" xfId="3" applyFont="1" applyFill="1" applyBorder="1" applyAlignment="1">
      <alignment horizontal="center" vertical="center"/>
    </xf>
    <xf numFmtId="0" fontId="125" fillId="2" borderId="1" xfId="3" applyFont="1" applyFill="1" applyBorder="1" applyAlignment="1">
      <alignment horizontal="left" vertical="center" wrapText="1"/>
    </xf>
    <xf numFmtId="0" fontId="125" fillId="2" borderId="1" xfId="3" applyFont="1" applyFill="1" applyBorder="1" applyAlignment="1">
      <alignment horizontal="center" vertical="center" wrapText="1"/>
    </xf>
    <xf numFmtId="49" fontId="125" fillId="2" borderId="1" xfId="3" applyNumberFormat="1" applyFont="1" applyFill="1" applyBorder="1" applyAlignment="1">
      <alignment horizontal="center" vertical="center"/>
    </xf>
    <xf numFmtId="0" fontId="65" fillId="2" borderId="1" xfId="3" applyFont="1" applyFill="1" applyBorder="1" applyAlignment="1">
      <alignment horizontal="left" vertical="center"/>
    </xf>
    <xf numFmtId="0" fontId="65" fillId="2" borderId="1" xfId="3" applyFont="1" applyFill="1" applyBorder="1" applyAlignment="1">
      <alignment horizontal="center" vertical="center"/>
    </xf>
    <xf numFmtId="0" fontId="65" fillId="2" borderId="1" xfId="3" applyFont="1" applyFill="1" applyBorder="1" applyAlignment="1">
      <alignment horizontal="left" vertical="center" wrapText="1"/>
    </xf>
    <xf numFmtId="0" fontId="65" fillId="2" borderId="1" xfId="3" applyFont="1" applyFill="1" applyBorder="1" applyAlignment="1">
      <alignment horizontal="center" vertical="center" wrapText="1"/>
    </xf>
    <xf numFmtId="49" fontId="65" fillId="2" borderId="1" xfId="3" applyNumberFormat="1" applyFont="1" applyFill="1" applyBorder="1" applyAlignment="1">
      <alignment horizontal="center" vertical="center"/>
    </xf>
    <xf numFmtId="0" fontId="65" fillId="2" borderId="1" xfId="3" applyFont="1" applyFill="1" applyBorder="1" applyAlignment="1">
      <alignment vertical="center" wrapText="1"/>
    </xf>
    <xf numFmtId="0" fontId="125" fillId="2" borderId="1" xfId="3" applyFont="1" applyFill="1" applyBorder="1" applyAlignment="1">
      <alignment vertical="center" wrapText="1"/>
    </xf>
    <xf numFmtId="0" fontId="39" fillId="0" borderId="1" xfId="3" applyFont="1" applyBorder="1" applyAlignment="1">
      <alignment horizontal="left" vertical="center" wrapText="1"/>
    </xf>
    <xf numFmtId="0" fontId="130" fillId="2" borderId="1" xfId="3" applyFont="1" applyFill="1" applyBorder="1" applyAlignment="1">
      <alignment horizontal="center" vertical="center" wrapText="1"/>
    </xf>
    <xf numFmtId="0" fontId="130" fillId="2" borderId="1" xfId="24" applyFont="1" applyFill="1" applyBorder="1">
      <alignment vertical="center"/>
    </xf>
    <xf numFmtId="0" fontId="130" fillId="2" borderId="1" xfId="3" applyFont="1" applyFill="1" applyBorder="1" applyAlignment="1">
      <alignment horizontal="center" vertical="center"/>
    </xf>
    <xf numFmtId="0" fontId="130" fillId="2" borderId="1" xfId="3" quotePrefix="1" applyFont="1" applyFill="1" applyBorder="1" applyAlignment="1">
      <alignment horizontal="center" vertical="center" wrapText="1"/>
    </xf>
    <xf numFmtId="49" fontId="130" fillId="2" borderId="1" xfId="3" applyNumberFormat="1" applyFont="1" applyFill="1" applyBorder="1" applyAlignment="1">
      <alignment horizontal="center" vertical="center"/>
    </xf>
    <xf numFmtId="0" fontId="130" fillId="2" borderId="1" xfId="24" applyFont="1" applyFill="1" applyBorder="1" applyAlignment="1">
      <alignment vertical="center" wrapText="1"/>
    </xf>
    <xf numFmtId="0" fontId="65" fillId="2" borderId="1" xfId="24" applyFont="1" applyFill="1" applyBorder="1" applyAlignment="1">
      <alignment vertical="center" wrapText="1"/>
    </xf>
    <xf numFmtId="0" fontId="130" fillId="2" borderId="1" xfId="3" applyFont="1" applyFill="1" applyBorder="1" applyAlignment="1">
      <alignment horizontal="left" vertical="center"/>
    </xf>
    <xf numFmtId="0" fontId="130" fillId="2" borderId="1" xfId="3" applyFont="1" applyFill="1" applyBorder="1" applyAlignment="1">
      <alignment horizontal="left" vertical="center" wrapText="1"/>
    </xf>
    <xf numFmtId="0" fontId="65" fillId="2" borderId="1" xfId="3" quotePrefix="1" applyFont="1" applyFill="1" applyBorder="1" applyAlignment="1">
      <alignment horizontal="center" vertical="center" wrapText="1"/>
    </xf>
    <xf numFmtId="0" fontId="130" fillId="2" borderId="1" xfId="3" applyFont="1" applyFill="1" applyBorder="1" applyAlignment="1">
      <alignment vertical="center" wrapText="1"/>
    </xf>
    <xf numFmtId="49" fontId="130" fillId="0" borderId="1" xfId="3" applyNumberFormat="1" applyFont="1" applyBorder="1" applyAlignment="1">
      <alignment horizontal="center" vertical="center"/>
    </xf>
    <xf numFmtId="0" fontId="39" fillId="0" borderId="16" xfId="3" applyFont="1" applyBorder="1" applyAlignment="1">
      <alignment horizontal="left" vertical="center" wrapText="1"/>
    </xf>
    <xf numFmtId="0" fontId="131" fillId="0" borderId="1" xfId="3" applyFont="1" applyBorder="1" applyAlignment="1">
      <alignment horizontal="left" vertical="center" wrapText="1"/>
    </xf>
    <xf numFmtId="0" fontId="131" fillId="0" borderId="1" xfId="3" applyFont="1" applyBorder="1" applyAlignment="1">
      <alignment vertical="center"/>
    </xf>
    <xf numFmtId="0" fontId="132" fillId="0" borderId="1" xfId="3" applyFont="1" applyBorder="1" applyAlignment="1">
      <alignment horizontal="left" vertical="center"/>
    </xf>
    <xf numFmtId="0" fontId="133" fillId="0" borderId="1" xfId="3" applyFont="1" applyBorder="1" applyAlignment="1">
      <alignment horizontal="left" vertical="center"/>
    </xf>
    <xf numFmtId="0" fontId="94" fillId="0" borderId="1" xfId="0" applyFont="1" applyFill="1" applyBorder="1" applyAlignment="1">
      <alignment horizontal="left" vertical="top" wrapText="1"/>
    </xf>
    <xf numFmtId="0" fontId="134" fillId="8" borderId="0" xfId="3" applyFont="1" applyFill="1" applyAlignment="1">
      <alignment horizontal="left" vertical="center"/>
    </xf>
    <xf numFmtId="0" fontId="94" fillId="0" borderId="1" xfId="3" applyFont="1" applyFill="1" applyBorder="1" applyAlignment="1">
      <alignment vertical="top" wrapText="1"/>
    </xf>
    <xf numFmtId="0" fontId="134" fillId="8" borderId="0" xfId="3" applyFont="1" applyFill="1" applyAlignment="1">
      <alignment horizontal="left" vertical="top" wrapText="1"/>
    </xf>
    <xf numFmtId="0" fontId="94" fillId="0" borderId="1" xfId="13" applyFont="1" applyFill="1" applyBorder="1" applyAlignment="1">
      <alignment horizontal="left" vertical="top" wrapText="1"/>
    </xf>
    <xf numFmtId="0" fontId="94" fillId="0" borderId="1" xfId="13" applyFont="1" applyBorder="1" applyAlignment="1">
      <alignment horizontal="left" vertical="top" wrapText="1"/>
    </xf>
    <xf numFmtId="0" fontId="94" fillId="0" borderId="1" xfId="3" applyFont="1" applyFill="1" applyBorder="1" applyAlignment="1">
      <alignment horizontal="left" vertical="top" wrapText="1"/>
    </xf>
    <xf numFmtId="0" fontId="94" fillId="0" borderId="1" xfId="3" applyFont="1" applyBorder="1" applyAlignment="1">
      <alignment horizontal="left" vertical="top" wrapText="1"/>
    </xf>
    <xf numFmtId="0" fontId="30" fillId="0" borderId="0" xfId="0" applyFont="1" applyAlignment="1">
      <alignment vertical="top" wrapText="1"/>
    </xf>
    <xf numFmtId="0" fontId="90" fillId="0" borderId="0" xfId="3" applyFont="1" applyAlignment="1">
      <alignment horizontal="center" vertical="center" wrapText="1"/>
    </xf>
    <xf numFmtId="0" fontId="39" fillId="8" borderId="0" xfId="3" applyFont="1" applyFill="1" applyAlignment="1">
      <alignment horizontal="left" vertical="center"/>
    </xf>
    <xf numFmtId="0" fontId="9" fillId="8" borderId="12" xfId="3" applyFont="1" applyFill="1" applyBorder="1" applyAlignment="1">
      <alignment vertical="center"/>
    </xf>
    <xf numFmtId="0" fontId="9" fillId="8" borderId="15" xfId="3" applyFont="1" applyFill="1" applyBorder="1" applyAlignment="1">
      <alignment vertical="center"/>
    </xf>
    <xf numFmtId="0" fontId="90" fillId="0" borderId="30" xfId="13" applyFont="1" applyBorder="1" applyAlignment="1">
      <alignment horizontal="left" vertical="top" wrapText="1"/>
    </xf>
    <xf numFmtId="0" fontId="90" fillId="0" borderId="1" xfId="13" applyFont="1" applyBorder="1" applyAlignment="1">
      <alignment horizontal="left" vertical="top" wrapText="1"/>
    </xf>
    <xf numFmtId="0" fontId="126" fillId="22" borderId="1" xfId="21" applyFont="1" applyFill="1" applyBorder="1" applyAlignment="1">
      <alignment horizontal="center" vertical="center" wrapText="1"/>
    </xf>
    <xf numFmtId="0" fontId="125" fillId="0" borderId="1" xfId="3" applyFont="1" applyBorder="1" applyAlignment="1">
      <alignment vertical="center"/>
    </xf>
    <xf numFmtId="0" fontId="125" fillId="0" borderId="1" xfId="3" applyFont="1" applyBorder="1" applyAlignment="1">
      <alignment horizontal="center" vertical="center"/>
    </xf>
    <xf numFmtId="0" fontId="125" fillId="0" borderId="1" xfId="3" applyFont="1" applyBorder="1" applyAlignment="1">
      <alignment horizontal="center" vertical="center" wrapText="1"/>
    </xf>
    <xf numFmtId="0" fontId="125" fillId="0" borderId="1" xfId="3" applyFont="1" applyBorder="1" applyAlignment="1">
      <alignment vertical="center" wrapText="1"/>
    </xf>
    <xf numFmtId="0" fontId="125" fillId="2" borderId="1" xfId="3" applyFont="1" applyFill="1" applyBorder="1" applyAlignment="1">
      <alignment vertical="center"/>
    </xf>
    <xf numFmtId="0" fontId="49" fillId="0" borderId="1" xfId="3" applyFont="1" applyBorder="1" applyAlignment="1">
      <alignment vertical="center" wrapText="1"/>
    </xf>
    <xf numFmtId="0" fontId="49" fillId="0" borderId="1" xfId="3" applyFont="1" applyBorder="1" applyAlignment="1">
      <alignment horizontal="center" vertical="center"/>
    </xf>
    <xf numFmtId="0" fontId="49" fillId="0" borderId="1" xfId="3" applyFont="1" applyBorder="1" applyAlignment="1">
      <alignment horizontal="center" vertical="center" wrapText="1"/>
    </xf>
    <xf numFmtId="0" fontId="49" fillId="0" borderId="1" xfId="3" applyFont="1" applyBorder="1" applyAlignment="1">
      <alignment vertical="center"/>
    </xf>
    <xf numFmtId="0" fontId="49" fillId="0" borderId="1" xfId="3" quotePrefix="1" applyFont="1" applyBorder="1" applyAlignment="1">
      <alignment horizontal="center" vertical="center"/>
    </xf>
    <xf numFmtId="49" fontId="125" fillId="0" borderId="1" xfId="3" applyNumberFormat="1" applyFont="1" applyBorder="1" applyAlignment="1">
      <alignment horizontal="center" vertical="center"/>
    </xf>
    <xf numFmtId="0" fontId="125" fillId="0" borderId="1" xfId="3" applyFont="1" applyBorder="1" applyAlignment="1">
      <alignment horizontal="left" vertical="center"/>
    </xf>
    <xf numFmtId="0" fontId="125" fillId="0" borderId="1" xfId="3" applyFont="1" applyBorder="1" applyAlignment="1">
      <alignment horizontal="left" vertical="center" wrapText="1"/>
    </xf>
    <xf numFmtId="0" fontId="49" fillId="0" borderId="1" xfId="25" applyFont="1" applyBorder="1" applyAlignment="1">
      <alignment horizontal="left" vertical="center" wrapText="1"/>
    </xf>
    <xf numFmtId="167" fontId="47" fillId="0" borderId="1" xfId="14" applyNumberFormat="1" applyFont="1" applyBorder="1" applyAlignment="1">
      <alignment horizontal="center" vertical="center" wrapText="1"/>
    </xf>
    <xf numFmtId="0" fontId="39" fillId="0" borderId="1" xfId="15" applyFont="1" applyBorder="1" applyAlignment="1" applyProtection="1">
      <alignment horizontal="left" vertical="center"/>
    </xf>
    <xf numFmtId="170" fontId="38" fillId="6" borderId="11" xfId="0" applyNumberFormat="1" applyFont="1" applyFill="1" applyBorder="1" applyAlignment="1">
      <alignment horizontal="center" vertical="center" wrapText="1"/>
    </xf>
    <xf numFmtId="170" fontId="37" fillId="0" borderId="7" xfId="3" applyNumberFormat="1" applyFont="1" applyBorder="1" applyAlignment="1">
      <alignment horizontal="left" vertical="center"/>
    </xf>
    <xf numFmtId="170" fontId="37" fillId="8" borderId="7" xfId="3" applyNumberFormat="1" applyFont="1" applyFill="1" applyBorder="1" applyAlignment="1">
      <alignment vertical="center"/>
    </xf>
    <xf numFmtId="170" fontId="90" fillId="0" borderId="1" xfId="13" applyNumberFormat="1" applyFont="1" applyBorder="1" applyAlignment="1">
      <alignment horizontal="right" vertical="center"/>
    </xf>
    <xf numFmtId="170" fontId="91" fillId="8" borderId="7" xfId="3" applyNumberFormat="1" applyFont="1" applyFill="1" applyBorder="1" applyAlignment="1">
      <alignment vertical="center"/>
    </xf>
    <xf numFmtId="170" fontId="91" fillId="8" borderId="0" xfId="3" applyNumberFormat="1" applyFont="1" applyFill="1" applyBorder="1" applyAlignment="1">
      <alignment horizontal="left" vertical="center"/>
    </xf>
    <xf numFmtId="170" fontId="93" fillId="8" borderId="7" xfId="3" applyNumberFormat="1" applyFont="1" applyFill="1" applyBorder="1" applyAlignment="1">
      <alignment vertical="center"/>
    </xf>
    <xf numFmtId="170" fontId="40" fillId="0" borderId="0" xfId="0" applyNumberFormat="1" applyFont="1" applyAlignment="1">
      <alignment horizontal="right" vertical="center"/>
    </xf>
    <xf numFmtId="170" fontId="38" fillId="6" borderId="11" xfId="26" applyNumberFormat="1" applyFont="1" applyFill="1" applyBorder="1" applyAlignment="1">
      <alignment horizontal="center" vertical="center" wrapText="1"/>
    </xf>
    <xf numFmtId="170" fontId="37" fillId="0" borderId="7" xfId="26" applyNumberFormat="1" applyFont="1" applyBorder="1" applyAlignment="1">
      <alignment horizontal="left" vertical="center"/>
    </xf>
    <xf numFmtId="170" fontId="38" fillId="8" borderId="0" xfId="26" applyNumberFormat="1" applyFont="1" applyFill="1" applyAlignment="1">
      <alignment horizontal="left" vertical="center"/>
    </xf>
    <xf numFmtId="170" fontId="39" fillId="0" borderId="1" xfId="26" applyNumberFormat="1" applyFont="1" applyBorder="1" applyAlignment="1">
      <alignment horizontal="right" vertical="center"/>
    </xf>
    <xf numFmtId="170" fontId="37" fillId="8" borderId="7" xfId="26" applyNumberFormat="1" applyFont="1" applyFill="1" applyBorder="1" applyAlignment="1">
      <alignment vertical="center"/>
    </xf>
    <xf numFmtId="170" fontId="37" fillId="8" borderId="14" xfId="26" applyNumberFormat="1" applyFont="1" applyFill="1" applyBorder="1" applyAlignment="1">
      <alignment vertical="center"/>
    </xf>
    <xf numFmtId="170" fontId="40" fillId="0" borderId="0" xfId="26" applyNumberFormat="1" applyFont="1" applyAlignment="1">
      <alignment horizontal="right" vertical="center"/>
    </xf>
    <xf numFmtId="170" fontId="39" fillId="10" borderId="1" xfId="26" applyNumberFormat="1" applyFont="1" applyFill="1" applyBorder="1" applyAlignment="1">
      <alignment horizontal="right" vertical="center"/>
    </xf>
    <xf numFmtId="170" fontId="12" fillId="6" borderId="11" xfId="26" applyNumberFormat="1" applyFont="1" applyFill="1" applyBorder="1" applyAlignment="1">
      <alignment horizontal="center" vertical="center" wrapText="1"/>
    </xf>
    <xf numFmtId="170" fontId="32" fillId="0" borderId="0" xfId="26" applyNumberFormat="1" applyFont="1" applyAlignment="1"/>
    <xf numFmtId="170" fontId="40" fillId="0" borderId="0" xfId="26" applyNumberFormat="1" applyFont="1" applyAlignment="1">
      <alignment vertical="center"/>
    </xf>
    <xf numFmtId="170" fontId="12" fillId="6" borderId="11" xfId="13" applyNumberFormat="1" applyFont="1" applyFill="1" applyBorder="1" applyAlignment="1">
      <alignment horizontal="center" vertical="center" wrapText="1"/>
    </xf>
    <xf numFmtId="170" fontId="38" fillId="8" borderId="7" xfId="3" applyNumberFormat="1" applyFont="1" applyFill="1" applyBorder="1" applyAlignment="1">
      <alignment vertical="center"/>
    </xf>
    <xf numFmtId="170" fontId="39" fillId="0" borderId="1" xfId="13" applyNumberFormat="1" applyFont="1" applyBorder="1" applyAlignment="1">
      <alignment horizontal="right" vertical="center"/>
    </xf>
    <xf numFmtId="170" fontId="40" fillId="0" borderId="0" xfId="13" applyNumberFormat="1" applyFont="1">
      <alignment vertical="center"/>
    </xf>
    <xf numFmtId="170" fontId="12" fillId="6" borderId="11" xfId="0" applyNumberFormat="1" applyFont="1" applyFill="1" applyBorder="1" applyAlignment="1">
      <alignment horizontal="center" vertical="center" wrapText="1"/>
    </xf>
    <xf numFmtId="170" fontId="40" fillId="0" borderId="0" xfId="0" applyNumberFormat="1" applyFont="1">
      <alignment vertical="center"/>
    </xf>
    <xf numFmtId="49" fontId="30" fillId="0" borderId="1" xfId="0" applyNumberFormat="1" applyFont="1" applyBorder="1" applyAlignment="1">
      <alignment horizontal="center" vertical="center"/>
    </xf>
    <xf numFmtId="49" fontId="30" fillId="0" borderId="7" xfId="0" applyNumberFormat="1" applyFont="1" applyBorder="1" applyAlignment="1">
      <alignment horizontal="center" vertical="center"/>
    </xf>
    <xf numFmtId="49" fontId="30" fillId="0" borderId="12" xfId="0" applyNumberFormat="1" applyFont="1" applyBorder="1" applyAlignment="1">
      <alignment horizontal="center" vertical="center"/>
    </xf>
    <xf numFmtId="49" fontId="30" fillId="0" borderId="6" xfId="0" applyNumberFormat="1" applyFont="1" applyBorder="1" applyAlignment="1">
      <alignment horizontal="center" vertical="center"/>
    </xf>
    <xf numFmtId="0" fontId="90" fillId="0" borderId="13" xfId="0" applyFont="1" applyFill="1" applyBorder="1" applyAlignment="1">
      <alignment horizontal="left" vertical="top" wrapText="1"/>
    </xf>
    <xf numFmtId="0" fontId="90" fillId="0" borderId="11" xfId="0" applyFont="1" applyFill="1" applyBorder="1" applyAlignment="1">
      <alignment horizontal="left" vertical="top" wrapText="1"/>
    </xf>
    <xf numFmtId="0" fontId="90" fillId="0" borderId="26" xfId="13" applyFont="1" applyFill="1" applyBorder="1" applyAlignment="1">
      <alignment horizontal="left" vertical="top" wrapText="1"/>
    </xf>
    <xf numFmtId="0" fontId="90" fillId="0" borderId="27" xfId="13" applyFont="1" applyFill="1" applyBorder="1" applyAlignment="1">
      <alignment horizontal="left" vertical="top" wrapText="1"/>
    </xf>
    <xf numFmtId="0" fontId="90" fillId="0" borderId="18" xfId="3" applyFont="1" applyBorder="1" applyAlignment="1">
      <alignment horizontal="left" vertical="top" wrapText="1"/>
    </xf>
    <xf numFmtId="0" fontId="90" fillId="0" borderId="37" xfId="0" applyFont="1" applyBorder="1" applyAlignment="1">
      <alignment horizontal="left" vertical="top" wrapText="1"/>
    </xf>
    <xf numFmtId="0" fontId="90" fillId="0" borderId="31" xfId="0" applyFont="1" applyBorder="1" applyAlignment="1">
      <alignment horizontal="left" vertical="top" wrapText="1"/>
    </xf>
    <xf numFmtId="0" fontId="90" fillId="0" borderId="39" xfId="3" applyFont="1" applyBorder="1" applyAlignment="1">
      <alignment horizontal="left" vertical="top" wrapText="1"/>
    </xf>
    <xf numFmtId="0" fontId="90" fillId="0" borderId="40" xfId="3" applyFont="1" applyBorder="1" applyAlignment="1">
      <alignment horizontal="left" vertical="top" wrapText="1"/>
    </xf>
    <xf numFmtId="0" fontId="90" fillId="0" borderId="34" xfId="13" applyFont="1" applyFill="1" applyBorder="1" applyAlignment="1">
      <alignment horizontal="left" vertical="top" wrapText="1"/>
    </xf>
    <xf numFmtId="0" fontId="90" fillId="0" borderId="15" xfId="13" applyFont="1" applyFill="1" applyBorder="1" applyAlignment="1">
      <alignment horizontal="left" vertical="top" wrapText="1"/>
    </xf>
    <xf numFmtId="0" fontId="90" fillId="0" borderId="18" xfId="13" applyFont="1" applyFill="1" applyBorder="1" applyAlignment="1">
      <alignment horizontal="left" vertical="top" wrapText="1"/>
    </xf>
    <xf numFmtId="0" fontId="90" fillId="0" borderId="11" xfId="13" applyFont="1" applyFill="1" applyBorder="1" applyAlignment="1">
      <alignment horizontal="left" vertical="top" wrapText="1"/>
    </xf>
    <xf numFmtId="0" fontId="90" fillId="0" borderId="13" xfId="3" applyFont="1" applyFill="1" applyBorder="1" applyAlignment="1">
      <alignment horizontal="left" vertical="top" wrapText="1"/>
    </xf>
    <xf numFmtId="0" fontId="90" fillId="0" borderId="11" xfId="3" applyFont="1" applyFill="1" applyBorder="1" applyAlignment="1">
      <alignment horizontal="left" vertical="top" wrapText="1"/>
    </xf>
    <xf numFmtId="0" fontId="90" fillId="0" borderId="39" xfId="13" applyFont="1" applyFill="1" applyBorder="1" applyAlignment="1">
      <alignment horizontal="left" vertical="top" wrapText="1"/>
    </xf>
    <xf numFmtId="0" fontId="129" fillId="0" borderId="13" xfId="7" applyFont="1" applyBorder="1" applyAlignment="1">
      <alignment horizontal="left" vertical="top"/>
    </xf>
    <xf numFmtId="0" fontId="129" fillId="0" borderId="11" xfId="7" applyFont="1" applyBorder="1" applyAlignment="1">
      <alignment horizontal="left" vertical="top"/>
    </xf>
    <xf numFmtId="0" fontId="90" fillId="0" borderId="39" xfId="0" applyFont="1" applyFill="1" applyBorder="1" applyAlignment="1">
      <alignment horizontal="left" vertical="top" wrapText="1"/>
    </xf>
    <xf numFmtId="0" fontId="90" fillId="0" borderId="60" xfId="13" applyFont="1" applyFill="1" applyBorder="1" applyAlignment="1">
      <alignment horizontal="left" vertical="top" wrapText="1"/>
    </xf>
    <xf numFmtId="0" fontId="44" fillId="0" borderId="13" xfId="3" applyFont="1" applyBorder="1" applyAlignment="1">
      <alignment horizontal="left" vertical="top" wrapText="1"/>
    </xf>
    <xf numFmtId="0" fontId="44" fillId="0" borderId="11" xfId="3" applyFont="1" applyBorder="1" applyAlignment="1">
      <alignment horizontal="left" vertical="top" wrapText="1"/>
    </xf>
    <xf numFmtId="0" fontId="49" fillId="0" borderId="48" xfId="0" applyFont="1" applyBorder="1" applyAlignment="1">
      <alignment horizontal="center" vertical="center"/>
    </xf>
    <xf numFmtId="0" fontId="49" fillId="0" borderId="50" xfId="0" applyFont="1" applyBorder="1" applyAlignment="1">
      <alignment horizontal="center" vertical="center"/>
    </xf>
    <xf numFmtId="0" fontId="49" fillId="0" borderId="52" xfId="0" applyFont="1" applyBorder="1" applyAlignment="1">
      <alignment horizontal="center" vertical="center"/>
    </xf>
    <xf numFmtId="0" fontId="65" fillId="0" borderId="58" xfId="0" applyFont="1" applyBorder="1" applyAlignment="1">
      <alignment horizontal="center" vertical="center" wrapText="1"/>
    </xf>
    <xf numFmtId="0" fontId="65" fillId="0" borderId="51" xfId="0" applyFont="1" applyBorder="1" applyAlignment="1">
      <alignment horizontal="center" vertical="center" wrapText="1"/>
    </xf>
    <xf numFmtId="0" fontId="65" fillId="0" borderId="53" xfId="0" applyFont="1" applyBorder="1" applyAlignment="1">
      <alignment horizontal="center" vertical="center" wrapText="1"/>
    </xf>
    <xf numFmtId="0" fontId="49" fillId="0" borderId="59" xfId="0" applyFont="1" applyBorder="1" applyAlignment="1">
      <alignment horizontal="center" vertical="center" wrapText="1"/>
    </xf>
    <xf numFmtId="0" fontId="49" fillId="0" borderId="0" xfId="0" applyFont="1" applyAlignment="1">
      <alignment horizontal="center" vertical="center" wrapText="1"/>
    </xf>
    <xf numFmtId="0" fontId="49" fillId="0" borderId="46" xfId="0" applyFont="1" applyBorder="1" applyAlignment="1">
      <alignment horizontal="center" vertical="center" wrapText="1"/>
    </xf>
    <xf numFmtId="0" fontId="49" fillId="2" borderId="48" xfId="0" applyFont="1" applyFill="1" applyBorder="1" applyAlignment="1">
      <alignment horizontal="center" vertical="center"/>
    </xf>
    <xf numFmtId="0" fontId="49" fillId="2" borderId="50" xfId="0" applyFont="1" applyFill="1" applyBorder="1" applyAlignment="1">
      <alignment horizontal="center" vertical="center"/>
    </xf>
    <xf numFmtId="0" fontId="49" fillId="2" borderId="52" xfId="0" applyFont="1" applyFill="1" applyBorder="1" applyAlignment="1">
      <alignment horizontal="center" vertical="center"/>
    </xf>
    <xf numFmtId="0" fontId="65" fillId="0" borderId="48" xfId="0" applyFont="1" applyBorder="1" applyAlignment="1">
      <alignment horizontal="center" vertical="center"/>
    </xf>
    <xf numFmtId="0" fontId="65" fillId="0" borderId="50" xfId="0" applyFont="1" applyBorder="1" applyAlignment="1">
      <alignment horizontal="center" vertical="center"/>
    </xf>
    <xf numFmtId="0" fontId="65" fillId="0" borderId="52" xfId="0" applyFont="1" applyBorder="1" applyAlignment="1">
      <alignment horizontal="center" vertical="center"/>
    </xf>
    <xf numFmtId="0" fontId="125" fillId="0" borderId="59" xfId="0" applyFont="1" applyBorder="1" applyAlignment="1">
      <alignment horizontal="center" vertical="center" wrapText="1"/>
    </xf>
    <xf numFmtId="0" fontId="125" fillId="0" borderId="0" xfId="0" applyFont="1" applyAlignment="1">
      <alignment horizontal="center" vertical="center" wrapText="1"/>
    </xf>
    <xf numFmtId="0" fontId="125" fillId="0" borderId="46" xfId="0" applyFont="1" applyBorder="1" applyAlignment="1">
      <alignment horizontal="center" vertical="center" wrapText="1"/>
    </xf>
    <xf numFmtId="0" fontId="49" fillId="0" borderId="1" xfId="0" applyFont="1" applyBorder="1" applyAlignment="1">
      <alignment horizontal="center" vertical="center"/>
    </xf>
    <xf numFmtId="0" fontId="49" fillId="0" borderId="1" xfId="0" applyFont="1" applyBorder="1" applyAlignment="1">
      <alignment horizontal="center" vertical="center" wrapText="1"/>
    </xf>
    <xf numFmtId="0" fontId="49" fillId="2" borderId="1" xfId="0" applyFont="1" applyFill="1" applyBorder="1" applyAlignment="1">
      <alignment horizontal="center" vertical="center"/>
    </xf>
    <xf numFmtId="0" fontId="49" fillId="0" borderId="51" xfId="0" applyFont="1" applyBorder="1" applyAlignment="1">
      <alignment horizontal="center" vertical="center" wrapText="1"/>
    </xf>
    <xf numFmtId="0" fontId="6" fillId="0" borderId="13" xfId="13" applyFont="1" applyBorder="1" applyAlignment="1">
      <alignment horizontal="center" vertical="center"/>
    </xf>
    <xf numFmtId="0" fontId="6" fillId="0" borderId="18" xfId="13" applyFont="1" applyBorder="1" applyAlignment="1">
      <alignment horizontal="center" vertical="center"/>
    </xf>
    <xf numFmtId="0" fontId="6" fillId="0" borderId="11" xfId="13" applyFont="1" applyBorder="1" applyAlignment="1">
      <alignment horizontal="center" vertical="center"/>
    </xf>
    <xf numFmtId="0" fontId="102" fillId="0" borderId="1" xfId="13" applyFont="1" applyBorder="1" applyAlignment="1">
      <alignment horizontal="left" vertical="center"/>
    </xf>
    <xf numFmtId="0" fontId="3" fillId="0" borderId="18" xfId="7" applyFont="1" applyBorder="1" applyAlignment="1">
      <alignment horizontal="center" vertical="center"/>
    </xf>
    <xf numFmtId="0" fontId="3" fillId="0" borderId="11" xfId="7" applyFont="1" applyBorder="1" applyAlignment="1">
      <alignment horizontal="center" vertical="center"/>
    </xf>
    <xf numFmtId="0" fontId="39" fillId="0" borderId="37" xfId="0" applyFont="1" applyBorder="1" applyAlignment="1">
      <alignment horizontal="left" vertical="top" wrapText="1"/>
    </xf>
    <xf numFmtId="0" fontId="39" fillId="0" borderId="31" xfId="0" applyFont="1" applyBorder="1" applyAlignment="1">
      <alignment horizontal="left" vertical="top" wrapText="1"/>
    </xf>
    <xf numFmtId="0" fontId="9" fillId="0" borderId="39" xfId="3" applyFont="1" applyBorder="1" applyAlignment="1">
      <alignment horizontal="left" vertical="top" wrapText="1"/>
    </xf>
    <xf numFmtId="0" fontId="9" fillId="0" borderId="40" xfId="3" applyFont="1" applyBorder="1" applyAlignment="1">
      <alignment horizontal="left" vertical="top" wrapText="1"/>
    </xf>
    <xf numFmtId="0" fontId="39" fillId="0" borderId="26" xfId="0" applyFont="1" applyBorder="1" applyAlignment="1">
      <alignment horizontal="left" vertical="top" wrapText="1"/>
    </xf>
    <xf numFmtId="0" fontId="39" fillId="0" borderId="27" xfId="0" applyFont="1" applyBorder="1" applyAlignment="1">
      <alignment horizontal="left" vertical="top" wrapText="1"/>
    </xf>
    <xf numFmtId="0" fontId="39" fillId="0" borderId="38" xfId="0" applyFont="1" applyBorder="1" applyAlignment="1">
      <alignment horizontal="left" vertical="top" wrapText="1"/>
    </xf>
    <xf numFmtId="0" fontId="39" fillId="0" borderId="26" xfId="13" applyFont="1" applyBorder="1" applyAlignment="1">
      <alignment horizontal="left" vertical="top" wrapText="1"/>
    </xf>
    <xf numFmtId="0" fontId="39" fillId="0" borderId="27" xfId="13" applyFont="1" applyBorder="1" applyAlignment="1">
      <alignment horizontal="left" vertical="top" wrapText="1"/>
    </xf>
    <xf numFmtId="0" fontId="3" fillId="0" borderId="13" xfId="7" applyFont="1" applyBorder="1" applyAlignment="1">
      <alignment horizontal="center" vertical="center"/>
    </xf>
    <xf numFmtId="0" fontId="39" fillId="0" borderId="39" xfId="13" applyFont="1" applyBorder="1" applyAlignment="1">
      <alignment horizontal="left" vertical="top" wrapText="1"/>
    </xf>
    <xf numFmtId="0" fontId="39" fillId="0" borderId="40" xfId="13" applyFont="1" applyBorder="1" applyAlignment="1">
      <alignment horizontal="left" vertical="top" wrapText="1"/>
    </xf>
    <xf numFmtId="0" fontId="39" fillId="0" borderId="37" xfId="13" applyFont="1" applyBorder="1" applyAlignment="1">
      <alignment horizontal="left" vertical="top" wrapText="1"/>
    </xf>
    <xf numFmtId="0" fontId="39" fillId="0" borderId="31" xfId="13" applyFont="1" applyBorder="1" applyAlignment="1">
      <alignment horizontal="left" vertical="top" wrapText="1"/>
    </xf>
    <xf numFmtId="0" fontId="39" fillId="0" borderId="13" xfId="0" applyFont="1" applyBorder="1" applyAlignment="1">
      <alignment horizontal="left" vertical="top" wrapText="1"/>
    </xf>
    <xf numFmtId="0" fontId="39" fillId="0" borderId="40" xfId="0" applyFont="1" applyBorder="1" applyAlignment="1">
      <alignment horizontal="left" vertical="top" wrapText="1"/>
    </xf>
    <xf numFmtId="0" fontId="39" fillId="0" borderId="39" xfId="0" applyFont="1" applyBorder="1" applyAlignment="1">
      <alignment horizontal="left" vertical="top" wrapText="1"/>
    </xf>
    <xf numFmtId="0" fontId="39" fillId="0" borderId="11" xfId="0" applyFont="1" applyBorder="1" applyAlignment="1">
      <alignment horizontal="left" vertical="top" wrapText="1"/>
    </xf>
    <xf numFmtId="0" fontId="39" fillId="0" borderId="35" xfId="13" applyFont="1" applyBorder="1" applyAlignment="1">
      <alignment horizontal="center" vertical="center"/>
    </xf>
    <xf numFmtId="0" fontId="39" fillId="0" borderId="41" xfId="13" applyFont="1" applyBorder="1" applyAlignment="1">
      <alignment horizontal="center" vertical="center"/>
    </xf>
    <xf numFmtId="0" fontId="39" fillId="0" borderId="35" xfId="3" applyFont="1" applyBorder="1" applyAlignment="1">
      <alignment horizontal="center" vertical="center"/>
    </xf>
    <xf numFmtId="0" fontId="39" fillId="0" borderId="41" xfId="3" applyFont="1" applyBorder="1" applyAlignment="1">
      <alignment horizontal="center" vertical="center"/>
    </xf>
  </cellXfs>
  <cellStyles count="27">
    <cellStyle name="0,0_x000d__x000a_NA_x000d__x000a_" xfId="6"/>
    <cellStyle name="Hyperlink 2" xfId="15"/>
    <cellStyle name="Normal 2" xfId="13"/>
    <cellStyle name="Normal 3" xfId="16"/>
    <cellStyle name="Percent 2" xfId="14"/>
    <cellStyle name="Гиперссылка" xfId="20" builtinId="8"/>
    <cellStyle name="Денежный" xfId="26" builtinId="4"/>
    <cellStyle name="Обычный" xfId="0" builtinId="0"/>
    <cellStyle name="千位分隔 2" xfId="9"/>
    <cellStyle name="常规 10 2" xfId="5"/>
    <cellStyle name="常规 12" xfId="2"/>
    <cellStyle name="常规 2" xfId="7"/>
    <cellStyle name="常规 2 10" xfId="4"/>
    <cellStyle name="常规 2 2" xfId="3"/>
    <cellStyle name="常规 2 3" xfId="19"/>
    <cellStyle name="常规 2 4" xfId="23"/>
    <cellStyle name="常规 3" xfId="8"/>
    <cellStyle name="常规 3 22" xfId="24"/>
    <cellStyle name="常规 4" xfId="10"/>
    <cellStyle name="常规 5 2 2 2" xfId="21"/>
    <cellStyle name="常规 5 3 2" xfId="18"/>
    <cellStyle name="常规 5 4 2" xfId="22"/>
    <cellStyle name="常规 5 5 3" xfId="25"/>
    <cellStyle name="常规 6" xfId="17"/>
    <cellStyle name="样式 1" xfId="12"/>
    <cellStyle name="百分比 2" xfId="1"/>
    <cellStyle name="货币 2" xfId="11"/>
  </cellStyles>
  <dxfs count="0"/>
  <tableStyles count="0" defaultTableStyle="TableStyleMedium9" defaultPivotStyle="PivotStyleLight16"/>
  <colors>
    <mruColors>
      <color rgb="FF0000FF"/>
      <color rgb="FF9900FF"/>
      <color rgb="FFEAEAEA"/>
      <color rgb="FFC00000"/>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3" Type="http://schemas.openxmlformats.org/officeDocument/2006/relationships/image" Target="../media/image13.png"/><Relationship Id="rId18" Type="http://schemas.openxmlformats.org/officeDocument/2006/relationships/image" Target="../media/image18.png"/><Relationship Id="rId26" Type="http://schemas.openxmlformats.org/officeDocument/2006/relationships/image" Target="../media/image25.png"/><Relationship Id="rId39" Type="http://schemas.openxmlformats.org/officeDocument/2006/relationships/image" Target="../media/image37.jpeg"/><Relationship Id="rId21" Type="http://schemas.openxmlformats.org/officeDocument/2006/relationships/image" Target="../media/image20.png"/><Relationship Id="rId34" Type="http://schemas.openxmlformats.org/officeDocument/2006/relationships/image" Target="../media/image33.jpeg"/><Relationship Id="rId42" Type="http://schemas.openxmlformats.org/officeDocument/2006/relationships/image" Target="../media/image40.png"/><Relationship Id="rId47" Type="http://schemas.openxmlformats.org/officeDocument/2006/relationships/image" Target="../media/image45.png"/><Relationship Id="rId50" Type="http://schemas.openxmlformats.org/officeDocument/2006/relationships/image" Target="../media/image48.png"/><Relationship Id="rId55" Type="http://schemas.openxmlformats.org/officeDocument/2006/relationships/image" Target="../media/image53.png"/><Relationship Id="rId63" Type="http://schemas.openxmlformats.org/officeDocument/2006/relationships/image" Target="../media/image61.png"/><Relationship Id="rId68" Type="http://schemas.openxmlformats.org/officeDocument/2006/relationships/image" Target="../media/image65.png"/><Relationship Id="rId7" Type="http://schemas.openxmlformats.org/officeDocument/2006/relationships/image" Target="../media/image7.png"/><Relationship Id="rId71" Type="http://schemas.openxmlformats.org/officeDocument/2006/relationships/image" Target="../media/image68.png"/><Relationship Id="rId2" Type="http://schemas.openxmlformats.org/officeDocument/2006/relationships/image" Target="../media/image2.png"/><Relationship Id="rId16" Type="http://schemas.openxmlformats.org/officeDocument/2006/relationships/image" Target="../media/image16.png"/><Relationship Id="rId29" Type="http://schemas.openxmlformats.org/officeDocument/2006/relationships/image" Target="../media/image28.png"/><Relationship Id="rId1" Type="http://schemas.openxmlformats.org/officeDocument/2006/relationships/image" Target="../media/image1.jpeg"/><Relationship Id="rId6" Type="http://schemas.openxmlformats.org/officeDocument/2006/relationships/image" Target="../media/image6.png"/><Relationship Id="rId11" Type="http://schemas.openxmlformats.org/officeDocument/2006/relationships/image" Target="../media/image11.png"/><Relationship Id="rId24" Type="http://schemas.openxmlformats.org/officeDocument/2006/relationships/image" Target="../media/image23.png"/><Relationship Id="rId32" Type="http://schemas.openxmlformats.org/officeDocument/2006/relationships/image" Target="../media/image31.jpeg"/><Relationship Id="rId37" Type="http://schemas.openxmlformats.org/officeDocument/2006/relationships/image" Target="../media/image36.png"/><Relationship Id="rId40" Type="http://schemas.openxmlformats.org/officeDocument/2006/relationships/image" Target="../media/image38.png"/><Relationship Id="rId45" Type="http://schemas.openxmlformats.org/officeDocument/2006/relationships/image" Target="../media/image43.png"/><Relationship Id="rId53" Type="http://schemas.openxmlformats.org/officeDocument/2006/relationships/image" Target="../media/image51.png"/><Relationship Id="rId58" Type="http://schemas.openxmlformats.org/officeDocument/2006/relationships/image" Target="../media/image56.png"/><Relationship Id="rId66" Type="http://schemas.openxmlformats.org/officeDocument/2006/relationships/image" Target="../media/image63.png"/><Relationship Id="rId5" Type="http://schemas.openxmlformats.org/officeDocument/2006/relationships/image" Target="../media/image5.jpeg"/><Relationship Id="rId15" Type="http://schemas.openxmlformats.org/officeDocument/2006/relationships/image" Target="../media/image15.png"/><Relationship Id="rId23" Type="http://schemas.openxmlformats.org/officeDocument/2006/relationships/image" Target="../media/image22.png"/><Relationship Id="rId28" Type="http://schemas.openxmlformats.org/officeDocument/2006/relationships/image" Target="../media/image27.png"/><Relationship Id="rId36" Type="http://schemas.openxmlformats.org/officeDocument/2006/relationships/image" Target="../media/image35.png"/><Relationship Id="rId49" Type="http://schemas.openxmlformats.org/officeDocument/2006/relationships/image" Target="../media/image47.png"/><Relationship Id="rId57" Type="http://schemas.openxmlformats.org/officeDocument/2006/relationships/image" Target="../media/image55.png"/><Relationship Id="rId61" Type="http://schemas.openxmlformats.org/officeDocument/2006/relationships/image" Target="../media/image59.jpeg"/><Relationship Id="rId10" Type="http://schemas.openxmlformats.org/officeDocument/2006/relationships/image" Target="../media/image10.png"/><Relationship Id="rId19" Type="http://schemas.openxmlformats.org/officeDocument/2006/relationships/image" Target="../media/image19.png"/><Relationship Id="rId31" Type="http://schemas.openxmlformats.org/officeDocument/2006/relationships/image" Target="../media/image30.png"/><Relationship Id="rId44" Type="http://schemas.openxmlformats.org/officeDocument/2006/relationships/image" Target="../media/image42.png"/><Relationship Id="rId52" Type="http://schemas.openxmlformats.org/officeDocument/2006/relationships/image" Target="../media/image50.png"/><Relationship Id="rId60" Type="http://schemas.openxmlformats.org/officeDocument/2006/relationships/image" Target="../media/image58.png"/><Relationship Id="rId65" Type="http://schemas.openxmlformats.org/officeDocument/2006/relationships/image" Target="../media/image62.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png"/><Relationship Id="rId22" Type="http://schemas.openxmlformats.org/officeDocument/2006/relationships/image" Target="../media/image21.png"/><Relationship Id="rId27" Type="http://schemas.openxmlformats.org/officeDocument/2006/relationships/image" Target="../media/image26.png"/><Relationship Id="rId30" Type="http://schemas.openxmlformats.org/officeDocument/2006/relationships/image" Target="../media/image29.png"/><Relationship Id="rId35" Type="http://schemas.openxmlformats.org/officeDocument/2006/relationships/image" Target="../media/image34.jpeg"/><Relationship Id="rId43" Type="http://schemas.openxmlformats.org/officeDocument/2006/relationships/image" Target="../media/image41.png"/><Relationship Id="rId48" Type="http://schemas.openxmlformats.org/officeDocument/2006/relationships/image" Target="../media/image46.png"/><Relationship Id="rId56" Type="http://schemas.openxmlformats.org/officeDocument/2006/relationships/image" Target="../media/image54.png"/><Relationship Id="rId64" Type="http://schemas.microsoft.com/office/2007/relationships/hdphoto" Target="../media/hdphoto3.wdp"/><Relationship Id="rId69" Type="http://schemas.openxmlformats.org/officeDocument/2006/relationships/image" Target="../media/image66.png"/><Relationship Id="rId8" Type="http://schemas.openxmlformats.org/officeDocument/2006/relationships/image" Target="../media/image8.png"/><Relationship Id="rId51" Type="http://schemas.openxmlformats.org/officeDocument/2006/relationships/image" Target="../media/image49.png"/><Relationship Id="rId72" Type="http://schemas.openxmlformats.org/officeDocument/2006/relationships/image" Target="../media/image69.png"/><Relationship Id="rId3" Type="http://schemas.openxmlformats.org/officeDocument/2006/relationships/image" Target="../media/image3.png"/><Relationship Id="rId12" Type="http://schemas.openxmlformats.org/officeDocument/2006/relationships/image" Target="../media/image12.png"/><Relationship Id="rId17" Type="http://schemas.openxmlformats.org/officeDocument/2006/relationships/image" Target="../media/image17.png"/><Relationship Id="rId25" Type="http://schemas.openxmlformats.org/officeDocument/2006/relationships/image" Target="../media/image24.png"/><Relationship Id="rId33" Type="http://schemas.openxmlformats.org/officeDocument/2006/relationships/image" Target="../media/image32.png"/><Relationship Id="rId38" Type="http://schemas.microsoft.com/office/2007/relationships/hdphoto" Target="../media/hdphoto2.wdp"/><Relationship Id="rId46" Type="http://schemas.openxmlformats.org/officeDocument/2006/relationships/image" Target="../media/image44.png"/><Relationship Id="rId59" Type="http://schemas.openxmlformats.org/officeDocument/2006/relationships/image" Target="../media/image57.png"/><Relationship Id="rId67" Type="http://schemas.openxmlformats.org/officeDocument/2006/relationships/image" Target="../media/image64.png"/><Relationship Id="rId20" Type="http://schemas.microsoft.com/office/2007/relationships/hdphoto" Target="../media/hdphoto1.wdp"/><Relationship Id="rId41" Type="http://schemas.openxmlformats.org/officeDocument/2006/relationships/image" Target="../media/image39.jpeg"/><Relationship Id="rId54" Type="http://schemas.openxmlformats.org/officeDocument/2006/relationships/image" Target="../media/image52.png"/><Relationship Id="rId62" Type="http://schemas.openxmlformats.org/officeDocument/2006/relationships/image" Target="../media/image60.png"/><Relationship Id="rId70" Type="http://schemas.openxmlformats.org/officeDocument/2006/relationships/image" Target="../media/image67.png"/></Relationships>
</file>

<file path=xl/drawings/_rels/drawing10.xml.rels><?xml version="1.0" encoding="UTF-8" standalone="yes"?>
<Relationships xmlns="http://schemas.openxmlformats.org/package/2006/relationships"><Relationship Id="rId13" Type="http://schemas.openxmlformats.org/officeDocument/2006/relationships/image" Target="../media/image40.png"/><Relationship Id="rId18" Type="http://schemas.openxmlformats.org/officeDocument/2006/relationships/image" Target="../media/image325.png"/><Relationship Id="rId26" Type="http://schemas.openxmlformats.org/officeDocument/2006/relationships/image" Target="../media/image333.png"/><Relationship Id="rId39" Type="http://schemas.openxmlformats.org/officeDocument/2006/relationships/image" Target="../media/image346.png"/><Relationship Id="rId21" Type="http://schemas.openxmlformats.org/officeDocument/2006/relationships/image" Target="../media/image328.jpeg"/><Relationship Id="rId34" Type="http://schemas.openxmlformats.org/officeDocument/2006/relationships/image" Target="../media/image341.jpeg"/><Relationship Id="rId42" Type="http://schemas.openxmlformats.org/officeDocument/2006/relationships/image" Target="../media/image349.png"/><Relationship Id="rId47" Type="http://schemas.openxmlformats.org/officeDocument/2006/relationships/image" Target="../media/image354.png"/><Relationship Id="rId50" Type="http://schemas.openxmlformats.org/officeDocument/2006/relationships/image" Target="../media/image357.png"/><Relationship Id="rId55" Type="http://schemas.openxmlformats.org/officeDocument/2006/relationships/image" Target="../media/image362.png"/><Relationship Id="rId63" Type="http://schemas.openxmlformats.org/officeDocument/2006/relationships/image" Target="../media/image369.png"/><Relationship Id="rId7" Type="http://schemas.openxmlformats.org/officeDocument/2006/relationships/image" Target="../media/image317.jpeg"/><Relationship Id="rId2" Type="http://schemas.openxmlformats.org/officeDocument/2006/relationships/image" Target="../media/image313.png"/><Relationship Id="rId16" Type="http://schemas.openxmlformats.org/officeDocument/2006/relationships/image" Target="../media/image323.png"/><Relationship Id="rId20" Type="http://schemas.openxmlformats.org/officeDocument/2006/relationships/image" Target="../media/image327.jpeg"/><Relationship Id="rId29" Type="http://schemas.openxmlformats.org/officeDocument/2006/relationships/image" Target="../media/image336.jpeg"/><Relationship Id="rId41" Type="http://schemas.openxmlformats.org/officeDocument/2006/relationships/image" Target="../media/image348.png"/><Relationship Id="rId54" Type="http://schemas.openxmlformats.org/officeDocument/2006/relationships/image" Target="../media/image361.png"/><Relationship Id="rId62" Type="http://schemas.openxmlformats.org/officeDocument/2006/relationships/image" Target="../media/image368.png"/><Relationship Id="rId1" Type="http://schemas.openxmlformats.org/officeDocument/2006/relationships/image" Target="../media/image312.png"/><Relationship Id="rId6" Type="http://schemas.openxmlformats.org/officeDocument/2006/relationships/image" Target="../media/image316.jpeg"/><Relationship Id="rId11" Type="http://schemas.openxmlformats.org/officeDocument/2006/relationships/image" Target="../media/image320.png"/><Relationship Id="rId24" Type="http://schemas.openxmlformats.org/officeDocument/2006/relationships/image" Target="../media/image331.png"/><Relationship Id="rId32" Type="http://schemas.openxmlformats.org/officeDocument/2006/relationships/image" Target="../media/image339.png"/><Relationship Id="rId37" Type="http://schemas.openxmlformats.org/officeDocument/2006/relationships/image" Target="../media/image344.png"/><Relationship Id="rId40" Type="http://schemas.openxmlformats.org/officeDocument/2006/relationships/image" Target="../media/image347.png"/><Relationship Id="rId45" Type="http://schemas.openxmlformats.org/officeDocument/2006/relationships/image" Target="../media/image352.png"/><Relationship Id="rId53" Type="http://schemas.openxmlformats.org/officeDocument/2006/relationships/image" Target="../media/image360.png"/><Relationship Id="rId58" Type="http://schemas.openxmlformats.org/officeDocument/2006/relationships/image" Target="../media/image364.jpeg"/><Relationship Id="rId5" Type="http://schemas.openxmlformats.org/officeDocument/2006/relationships/image" Target="../media/image315.png"/><Relationship Id="rId15" Type="http://schemas.openxmlformats.org/officeDocument/2006/relationships/image" Target="../media/image322.png"/><Relationship Id="rId23" Type="http://schemas.openxmlformats.org/officeDocument/2006/relationships/image" Target="../media/image330.png"/><Relationship Id="rId28" Type="http://schemas.openxmlformats.org/officeDocument/2006/relationships/image" Target="../media/image335.png"/><Relationship Id="rId36" Type="http://schemas.openxmlformats.org/officeDocument/2006/relationships/image" Target="../media/image343.jpeg"/><Relationship Id="rId49" Type="http://schemas.openxmlformats.org/officeDocument/2006/relationships/image" Target="../media/image356.png"/><Relationship Id="rId57" Type="http://schemas.openxmlformats.org/officeDocument/2006/relationships/image" Target="../media/image363.png"/><Relationship Id="rId61" Type="http://schemas.openxmlformats.org/officeDocument/2006/relationships/image" Target="../media/image367.jpeg"/><Relationship Id="rId10" Type="http://schemas.openxmlformats.org/officeDocument/2006/relationships/image" Target="../media/image319.png"/><Relationship Id="rId19" Type="http://schemas.openxmlformats.org/officeDocument/2006/relationships/image" Target="../media/image326.jpeg"/><Relationship Id="rId31" Type="http://schemas.openxmlformats.org/officeDocument/2006/relationships/image" Target="../media/image338.png"/><Relationship Id="rId44" Type="http://schemas.openxmlformats.org/officeDocument/2006/relationships/image" Target="../media/image351.png"/><Relationship Id="rId52" Type="http://schemas.openxmlformats.org/officeDocument/2006/relationships/image" Target="../media/image359.png"/><Relationship Id="rId60" Type="http://schemas.openxmlformats.org/officeDocument/2006/relationships/image" Target="../media/image366.png"/><Relationship Id="rId4" Type="http://schemas.openxmlformats.org/officeDocument/2006/relationships/image" Target="../media/image314.png"/><Relationship Id="rId9" Type="http://schemas.openxmlformats.org/officeDocument/2006/relationships/image" Target="../media/image310.jpeg"/><Relationship Id="rId14" Type="http://schemas.openxmlformats.org/officeDocument/2006/relationships/image" Target="../media/image321.png"/><Relationship Id="rId22" Type="http://schemas.openxmlformats.org/officeDocument/2006/relationships/image" Target="../media/image329.png"/><Relationship Id="rId27" Type="http://schemas.openxmlformats.org/officeDocument/2006/relationships/image" Target="../media/image334.png"/><Relationship Id="rId30" Type="http://schemas.openxmlformats.org/officeDocument/2006/relationships/image" Target="../media/image337.png"/><Relationship Id="rId35" Type="http://schemas.openxmlformats.org/officeDocument/2006/relationships/image" Target="../media/image342.png"/><Relationship Id="rId43" Type="http://schemas.openxmlformats.org/officeDocument/2006/relationships/image" Target="../media/image350.png"/><Relationship Id="rId48" Type="http://schemas.openxmlformats.org/officeDocument/2006/relationships/image" Target="../media/image355.png"/><Relationship Id="rId56" Type="http://schemas.openxmlformats.org/officeDocument/2006/relationships/image" Target="../media/image34.jpeg"/><Relationship Id="rId64" Type="http://schemas.openxmlformats.org/officeDocument/2006/relationships/image" Target="../media/image370.png"/><Relationship Id="rId8" Type="http://schemas.openxmlformats.org/officeDocument/2006/relationships/image" Target="../media/image318.jpeg"/><Relationship Id="rId51" Type="http://schemas.openxmlformats.org/officeDocument/2006/relationships/image" Target="../media/image358.png"/><Relationship Id="rId3" Type="http://schemas.openxmlformats.org/officeDocument/2006/relationships/image" Target="../media/image47.png"/><Relationship Id="rId12" Type="http://schemas.openxmlformats.org/officeDocument/2006/relationships/image" Target="../media/image38.png"/><Relationship Id="rId17" Type="http://schemas.openxmlformats.org/officeDocument/2006/relationships/image" Target="../media/image324.png"/><Relationship Id="rId25" Type="http://schemas.openxmlformats.org/officeDocument/2006/relationships/image" Target="../media/image332.png"/><Relationship Id="rId33" Type="http://schemas.openxmlformats.org/officeDocument/2006/relationships/image" Target="../media/image340.jpeg"/><Relationship Id="rId38" Type="http://schemas.openxmlformats.org/officeDocument/2006/relationships/image" Target="../media/image345.png"/><Relationship Id="rId46" Type="http://schemas.openxmlformats.org/officeDocument/2006/relationships/image" Target="../media/image353.png"/><Relationship Id="rId59" Type="http://schemas.openxmlformats.org/officeDocument/2006/relationships/image" Target="../media/image365.png"/></Relationships>
</file>

<file path=xl/drawings/_rels/drawing11.xml.rels><?xml version="1.0" encoding="UTF-8" standalone="yes"?>
<Relationships xmlns="http://schemas.openxmlformats.org/package/2006/relationships"><Relationship Id="rId3" Type="http://schemas.openxmlformats.org/officeDocument/2006/relationships/image" Target="../media/image373.jpeg"/><Relationship Id="rId2" Type="http://schemas.openxmlformats.org/officeDocument/2006/relationships/image" Target="../media/image372.jpeg"/><Relationship Id="rId1" Type="http://schemas.openxmlformats.org/officeDocument/2006/relationships/image" Target="../media/image371.jpeg"/><Relationship Id="rId4" Type="http://schemas.openxmlformats.org/officeDocument/2006/relationships/image" Target="../media/image374.jpeg"/></Relationships>
</file>

<file path=xl/drawings/_rels/drawing12.xml.rels><?xml version="1.0" encoding="UTF-8" standalone="yes"?>
<Relationships xmlns="http://schemas.openxmlformats.org/package/2006/relationships"><Relationship Id="rId3" Type="http://schemas.openxmlformats.org/officeDocument/2006/relationships/image" Target="../media/image377.jpeg"/><Relationship Id="rId2" Type="http://schemas.openxmlformats.org/officeDocument/2006/relationships/image" Target="../media/image376.jpeg"/><Relationship Id="rId1" Type="http://schemas.openxmlformats.org/officeDocument/2006/relationships/image" Target="../media/image375.jpeg"/><Relationship Id="rId5" Type="http://schemas.openxmlformats.org/officeDocument/2006/relationships/image" Target="../media/image379.jpeg"/><Relationship Id="rId4" Type="http://schemas.openxmlformats.org/officeDocument/2006/relationships/image" Target="../media/image378.jpeg"/></Relationships>
</file>

<file path=xl/drawings/_rels/drawing2.xml.rels><?xml version="1.0" encoding="UTF-8" standalone="yes"?>
<Relationships xmlns="http://schemas.openxmlformats.org/package/2006/relationships"><Relationship Id="rId8" Type="http://schemas.openxmlformats.org/officeDocument/2006/relationships/image" Target="../media/image77.png"/><Relationship Id="rId13" Type="http://schemas.openxmlformats.org/officeDocument/2006/relationships/image" Target="../media/image82.png"/><Relationship Id="rId18" Type="http://schemas.openxmlformats.org/officeDocument/2006/relationships/image" Target="../media/image87.png"/><Relationship Id="rId3" Type="http://schemas.openxmlformats.org/officeDocument/2006/relationships/image" Target="../media/image72.png"/><Relationship Id="rId7" Type="http://schemas.openxmlformats.org/officeDocument/2006/relationships/image" Target="../media/image76.png"/><Relationship Id="rId12" Type="http://schemas.openxmlformats.org/officeDocument/2006/relationships/image" Target="../media/image81.png"/><Relationship Id="rId17" Type="http://schemas.openxmlformats.org/officeDocument/2006/relationships/image" Target="../media/image86.png"/><Relationship Id="rId2" Type="http://schemas.openxmlformats.org/officeDocument/2006/relationships/image" Target="../media/image71.png"/><Relationship Id="rId16" Type="http://schemas.openxmlformats.org/officeDocument/2006/relationships/image" Target="../media/image85.png"/><Relationship Id="rId1" Type="http://schemas.openxmlformats.org/officeDocument/2006/relationships/image" Target="../media/image70.png"/><Relationship Id="rId6" Type="http://schemas.openxmlformats.org/officeDocument/2006/relationships/image" Target="../media/image75.png"/><Relationship Id="rId11" Type="http://schemas.openxmlformats.org/officeDocument/2006/relationships/image" Target="../media/image80.jpeg"/><Relationship Id="rId5" Type="http://schemas.openxmlformats.org/officeDocument/2006/relationships/image" Target="../media/image74.png"/><Relationship Id="rId15" Type="http://schemas.openxmlformats.org/officeDocument/2006/relationships/image" Target="../media/image84.jpeg"/><Relationship Id="rId10" Type="http://schemas.openxmlformats.org/officeDocument/2006/relationships/image" Target="../media/image79.png"/><Relationship Id="rId19" Type="http://schemas.openxmlformats.org/officeDocument/2006/relationships/image" Target="../media/image88.png"/><Relationship Id="rId4" Type="http://schemas.openxmlformats.org/officeDocument/2006/relationships/image" Target="../media/image73.png"/><Relationship Id="rId9" Type="http://schemas.openxmlformats.org/officeDocument/2006/relationships/image" Target="../media/image78.png"/><Relationship Id="rId14" Type="http://schemas.openxmlformats.org/officeDocument/2006/relationships/image" Target="../media/image83.png"/></Relationships>
</file>

<file path=xl/drawings/_rels/drawing3.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png"/><Relationship Id="rId7" Type="http://schemas.openxmlformats.org/officeDocument/2006/relationships/image" Target="../media/image95.jpeg"/><Relationship Id="rId2" Type="http://schemas.openxmlformats.org/officeDocument/2006/relationships/image" Target="../media/image90.png"/><Relationship Id="rId1" Type="http://schemas.openxmlformats.org/officeDocument/2006/relationships/image" Target="../media/image89.jpeg"/><Relationship Id="rId6" Type="http://schemas.openxmlformats.org/officeDocument/2006/relationships/image" Target="../media/image94.png"/><Relationship Id="rId5" Type="http://schemas.openxmlformats.org/officeDocument/2006/relationships/image" Target="../media/image93.png"/><Relationship Id="rId10" Type="http://schemas.openxmlformats.org/officeDocument/2006/relationships/image" Target="../media/image98.png"/><Relationship Id="rId4" Type="http://schemas.openxmlformats.org/officeDocument/2006/relationships/image" Target="../media/image92.png"/><Relationship Id="rId9" Type="http://schemas.openxmlformats.org/officeDocument/2006/relationships/image" Target="../media/image97.GIF"/></Relationships>
</file>

<file path=xl/drawings/_rels/drawing4.xml.rels><?xml version="1.0" encoding="UTF-8" standalone="yes"?>
<Relationships xmlns="http://schemas.openxmlformats.org/package/2006/relationships"><Relationship Id="rId13" Type="http://schemas.openxmlformats.org/officeDocument/2006/relationships/image" Target="../media/image111.jpeg"/><Relationship Id="rId18" Type="http://schemas.openxmlformats.org/officeDocument/2006/relationships/image" Target="../media/image116.png"/><Relationship Id="rId26" Type="http://schemas.openxmlformats.org/officeDocument/2006/relationships/image" Target="../media/image124.png"/><Relationship Id="rId39" Type="http://schemas.openxmlformats.org/officeDocument/2006/relationships/image" Target="../media/image137.png"/><Relationship Id="rId21" Type="http://schemas.openxmlformats.org/officeDocument/2006/relationships/image" Target="../media/image119.png"/><Relationship Id="rId34" Type="http://schemas.openxmlformats.org/officeDocument/2006/relationships/image" Target="../media/image132.jpeg"/><Relationship Id="rId42" Type="http://schemas.openxmlformats.org/officeDocument/2006/relationships/image" Target="../media/image140.png"/><Relationship Id="rId47" Type="http://schemas.openxmlformats.org/officeDocument/2006/relationships/image" Target="../media/image145.jpeg"/><Relationship Id="rId50" Type="http://schemas.openxmlformats.org/officeDocument/2006/relationships/image" Target="../media/image148.jpeg"/><Relationship Id="rId55" Type="http://schemas.openxmlformats.org/officeDocument/2006/relationships/image" Target="../media/image153.jpeg"/><Relationship Id="rId7" Type="http://schemas.openxmlformats.org/officeDocument/2006/relationships/image" Target="../media/image105.png"/><Relationship Id="rId12" Type="http://schemas.openxmlformats.org/officeDocument/2006/relationships/image" Target="../media/image110.png"/><Relationship Id="rId17" Type="http://schemas.openxmlformats.org/officeDocument/2006/relationships/image" Target="../media/image115.png"/><Relationship Id="rId25" Type="http://schemas.openxmlformats.org/officeDocument/2006/relationships/image" Target="../media/image123.jpeg"/><Relationship Id="rId33" Type="http://schemas.openxmlformats.org/officeDocument/2006/relationships/image" Target="../media/image131.jpeg"/><Relationship Id="rId38" Type="http://schemas.openxmlformats.org/officeDocument/2006/relationships/image" Target="../media/image136.png"/><Relationship Id="rId46" Type="http://schemas.openxmlformats.org/officeDocument/2006/relationships/image" Target="../media/image144.jpeg"/><Relationship Id="rId2" Type="http://schemas.openxmlformats.org/officeDocument/2006/relationships/image" Target="../media/image100.png"/><Relationship Id="rId16" Type="http://schemas.openxmlformats.org/officeDocument/2006/relationships/image" Target="../media/image114.png"/><Relationship Id="rId20" Type="http://schemas.openxmlformats.org/officeDocument/2006/relationships/image" Target="../media/image118.png"/><Relationship Id="rId29" Type="http://schemas.openxmlformats.org/officeDocument/2006/relationships/image" Target="../media/image127.jpeg"/><Relationship Id="rId41" Type="http://schemas.openxmlformats.org/officeDocument/2006/relationships/image" Target="../media/image139.png"/><Relationship Id="rId54" Type="http://schemas.openxmlformats.org/officeDocument/2006/relationships/image" Target="../media/image152.jpeg"/><Relationship Id="rId1" Type="http://schemas.openxmlformats.org/officeDocument/2006/relationships/image" Target="../media/image99.png"/><Relationship Id="rId6" Type="http://schemas.openxmlformats.org/officeDocument/2006/relationships/image" Target="../media/image104.png"/><Relationship Id="rId11" Type="http://schemas.openxmlformats.org/officeDocument/2006/relationships/image" Target="../media/image109.jpeg"/><Relationship Id="rId24" Type="http://schemas.openxmlformats.org/officeDocument/2006/relationships/image" Target="../media/image122.jpeg"/><Relationship Id="rId32" Type="http://schemas.openxmlformats.org/officeDocument/2006/relationships/image" Target="../media/image130.jpeg"/><Relationship Id="rId37" Type="http://schemas.openxmlformats.org/officeDocument/2006/relationships/image" Target="../media/image135.jpeg"/><Relationship Id="rId40" Type="http://schemas.openxmlformats.org/officeDocument/2006/relationships/image" Target="../media/image138.jpeg"/><Relationship Id="rId45" Type="http://schemas.openxmlformats.org/officeDocument/2006/relationships/image" Target="../media/image143.jpeg"/><Relationship Id="rId53" Type="http://schemas.openxmlformats.org/officeDocument/2006/relationships/image" Target="../media/image151.jpeg"/><Relationship Id="rId5" Type="http://schemas.openxmlformats.org/officeDocument/2006/relationships/image" Target="../media/image103.png"/><Relationship Id="rId15" Type="http://schemas.openxmlformats.org/officeDocument/2006/relationships/image" Target="../media/image113.png"/><Relationship Id="rId23" Type="http://schemas.openxmlformats.org/officeDocument/2006/relationships/image" Target="../media/image121.jpeg"/><Relationship Id="rId28" Type="http://schemas.openxmlformats.org/officeDocument/2006/relationships/image" Target="../media/image126.png"/><Relationship Id="rId36" Type="http://schemas.openxmlformats.org/officeDocument/2006/relationships/image" Target="../media/image134.png"/><Relationship Id="rId49" Type="http://schemas.openxmlformats.org/officeDocument/2006/relationships/image" Target="../media/image147.jpeg"/><Relationship Id="rId57" Type="http://schemas.openxmlformats.org/officeDocument/2006/relationships/image" Target="../media/image155.png"/><Relationship Id="rId10" Type="http://schemas.openxmlformats.org/officeDocument/2006/relationships/image" Target="../media/image108.jpeg"/><Relationship Id="rId19" Type="http://schemas.openxmlformats.org/officeDocument/2006/relationships/image" Target="../media/image117.jpeg"/><Relationship Id="rId31" Type="http://schemas.openxmlformats.org/officeDocument/2006/relationships/image" Target="../media/image129.png"/><Relationship Id="rId44" Type="http://schemas.openxmlformats.org/officeDocument/2006/relationships/image" Target="../media/image142.png"/><Relationship Id="rId52" Type="http://schemas.openxmlformats.org/officeDocument/2006/relationships/image" Target="../media/image150.jpeg"/><Relationship Id="rId4" Type="http://schemas.openxmlformats.org/officeDocument/2006/relationships/image" Target="../media/image102.png"/><Relationship Id="rId9" Type="http://schemas.openxmlformats.org/officeDocument/2006/relationships/image" Target="../media/image107.png"/><Relationship Id="rId14" Type="http://schemas.openxmlformats.org/officeDocument/2006/relationships/image" Target="../media/image112.png"/><Relationship Id="rId22" Type="http://schemas.openxmlformats.org/officeDocument/2006/relationships/image" Target="../media/image120.png"/><Relationship Id="rId27" Type="http://schemas.openxmlformats.org/officeDocument/2006/relationships/image" Target="../media/image125.png"/><Relationship Id="rId30" Type="http://schemas.openxmlformats.org/officeDocument/2006/relationships/image" Target="../media/image128.jpeg"/><Relationship Id="rId35" Type="http://schemas.openxmlformats.org/officeDocument/2006/relationships/image" Target="../media/image133.jpeg"/><Relationship Id="rId43" Type="http://schemas.openxmlformats.org/officeDocument/2006/relationships/image" Target="../media/image141.png"/><Relationship Id="rId48" Type="http://schemas.openxmlformats.org/officeDocument/2006/relationships/image" Target="../media/image146.png"/><Relationship Id="rId56" Type="http://schemas.openxmlformats.org/officeDocument/2006/relationships/image" Target="../media/image154.GIF"/><Relationship Id="rId8" Type="http://schemas.openxmlformats.org/officeDocument/2006/relationships/image" Target="../media/image106.png"/><Relationship Id="rId51" Type="http://schemas.openxmlformats.org/officeDocument/2006/relationships/image" Target="../media/image149.jpeg"/><Relationship Id="rId3" Type="http://schemas.openxmlformats.org/officeDocument/2006/relationships/image" Target="../media/image101.jpeg"/></Relationships>
</file>

<file path=xl/drawings/_rels/drawing5.xml.rels><?xml version="1.0" encoding="UTF-8" standalone="yes"?>
<Relationships xmlns="http://schemas.openxmlformats.org/package/2006/relationships"><Relationship Id="rId26" Type="http://schemas.openxmlformats.org/officeDocument/2006/relationships/image" Target="../media/image181.jpeg"/><Relationship Id="rId117" Type="http://schemas.openxmlformats.org/officeDocument/2006/relationships/image" Target="../media/image272.png"/><Relationship Id="rId21" Type="http://schemas.openxmlformats.org/officeDocument/2006/relationships/image" Target="../media/image176.tiff"/><Relationship Id="rId42" Type="http://schemas.openxmlformats.org/officeDocument/2006/relationships/image" Target="../media/image197.jpeg"/><Relationship Id="rId47" Type="http://schemas.openxmlformats.org/officeDocument/2006/relationships/image" Target="../media/image202.jpeg"/><Relationship Id="rId63" Type="http://schemas.openxmlformats.org/officeDocument/2006/relationships/image" Target="../media/image218.png"/><Relationship Id="rId68" Type="http://schemas.openxmlformats.org/officeDocument/2006/relationships/image" Target="../media/image223.png"/><Relationship Id="rId84" Type="http://schemas.openxmlformats.org/officeDocument/2006/relationships/image" Target="../media/image239.png"/><Relationship Id="rId89" Type="http://schemas.openxmlformats.org/officeDocument/2006/relationships/image" Target="../media/image244.png"/><Relationship Id="rId112" Type="http://schemas.openxmlformats.org/officeDocument/2006/relationships/image" Target="../media/image267.jpeg"/><Relationship Id="rId16" Type="http://schemas.openxmlformats.org/officeDocument/2006/relationships/image" Target="../media/image171.jpeg"/><Relationship Id="rId107" Type="http://schemas.openxmlformats.org/officeDocument/2006/relationships/image" Target="../media/image262.png"/><Relationship Id="rId11" Type="http://schemas.openxmlformats.org/officeDocument/2006/relationships/image" Target="../media/image166.png"/><Relationship Id="rId24" Type="http://schemas.openxmlformats.org/officeDocument/2006/relationships/image" Target="../media/image179.png"/><Relationship Id="rId32" Type="http://schemas.openxmlformats.org/officeDocument/2006/relationships/image" Target="../media/image187.jpeg"/><Relationship Id="rId37" Type="http://schemas.openxmlformats.org/officeDocument/2006/relationships/image" Target="../media/image192.jpeg"/><Relationship Id="rId40" Type="http://schemas.openxmlformats.org/officeDocument/2006/relationships/image" Target="../media/image195.jpeg"/><Relationship Id="rId45" Type="http://schemas.openxmlformats.org/officeDocument/2006/relationships/image" Target="../media/image200.jpeg"/><Relationship Id="rId53" Type="http://schemas.openxmlformats.org/officeDocument/2006/relationships/image" Target="../media/image208.jpeg"/><Relationship Id="rId58" Type="http://schemas.openxmlformats.org/officeDocument/2006/relationships/image" Target="../media/image213.png"/><Relationship Id="rId66" Type="http://schemas.openxmlformats.org/officeDocument/2006/relationships/image" Target="../media/image221.jpeg"/><Relationship Id="rId74" Type="http://schemas.openxmlformats.org/officeDocument/2006/relationships/image" Target="../media/image229.png"/><Relationship Id="rId79" Type="http://schemas.openxmlformats.org/officeDocument/2006/relationships/image" Target="../media/image234.jpeg"/><Relationship Id="rId87" Type="http://schemas.openxmlformats.org/officeDocument/2006/relationships/image" Target="../media/image242.png"/><Relationship Id="rId102" Type="http://schemas.openxmlformats.org/officeDocument/2006/relationships/image" Target="../media/image257.png"/><Relationship Id="rId110" Type="http://schemas.openxmlformats.org/officeDocument/2006/relationships/image" Target="../media/image265.png"/><Relationship Id="rId115" Type="http://schemas.openxmlformats.org/officeDocument/2006/relationships/image" Target="../media/image270.png"/><Relationship Id="rId5" Type="http://schemas.openxmlformats.org/officeDocument/2006/relationships/image" Target="../media/image160.jpeg"/><Relationship Id="rId61" Type="http://schemas.openxmlformats.org/officeDocument/2006/relationships/image" Target="../media/image216.png"/><Relationship Id="rId82" Type="http://schemas.openxmlformats.org/officeDocument/2006/relationships/image" Target="../media/image237.png"/><Relationship Id="rId90" Type="http://schemas.openxmlformats.org/officeDocument/2006/relationships/image" Target="../media/image245.png"/><Relationship Id="rId95" Type="http://schemas.openxmlformats.org/officeDocument/2006/relationships/image" Target="../media/image250.png"/><Relationship Id="rId19" Type="http://schemas.openxmlformats.org/officeDocument/2006/relationships/image" Target="../media/image174.png"/><Relationship Id="rId14" Type="http://schemas.openxmlformats.org/officeDocument/2006/relationships/image" Target="../media/image169.png"/><Relationship Id="rId22" Type="http://schemas.openxmlformats.org/officeDocument/2006/relationships/image" Target="../media/image177.jpeg"/><Relationship Id="rId27" Type="http://schemas.openxmlformats.org/officeDocument/2006/relationships/image" Target="../media/image182.png"/><Relationship Id="rId30" Type="http://schemas.openxmlformats.org/officeDocument/2006/relationships/image" Target="../media/image185.jpeg"/><Relationship Id="rId35" Type="http://schemas.openxmlformats.org/officeDocument/2006/relationships/image" Target="../media/image190.jpeg"/><Relationship Id="rId43" Type="http://schemas.openxmlformats.org/officeDocument/2006/relationships/image" Target="../media/image198.jpeg"/><Relationship Id="rId48" Type="http://schemas.openxmlformats.org/officeDocument/2006/relationships/image" Target="../media/image203.jpeg"/><Relationship Id="rId56" Type="http://schemas.openxmlformats.org/officeDocument/2006/relationships/image" Target="../media/image211.jpeg"/><Relationship Id="rId64" Type="http://schemas.openxmlformats.org/officeDocument/2006/relationships/image" Target="../media/image219.png"/><Relationship Id="rId69" Type="http://schemas.openxmlformats.org/officeDocument/2006/relationships/image" Target="../media/image224.png"/><Relationship Id="rId77" Type="http://schemas.openxmlformats.org/officeDocument/2006/relationships/image" Target="../media/image232.png"/><Relationship Id="rId100" Type="http://schemas.openxmlformats.org/officeDocument/2006/relationships/image" Target="../media/image255.png"/><Relationship Id="rId105" Type="http://schemas.openxmlformats.org/officeDocument/2006/relationships/image" Target="../media/image260.png"/><Relationship Id="rId113" Type="http://schemas.openxmlformats.org/officeDocument/2006/relationships/image" Target="../media/image268.png"/><Relationship Id="rId8" Type="http://schemas.openxmlformats.org/officeDocument/2006/relationships/image" Target="../media/image163.jpeg"/><Relationship Id="rId51" Type="http://schemas.openxmlformats.org/officeDocument/2006/relationships/image" Target="../media/image206.jpeg"/><Relationship Id="rId72" Type="http://schemas.openxmlformats.org/officeDocument/2006/relationships/image" Target="../media/image227.png"/><Relationship Id="rId80" Type="http://schemas.openxmlformats.org/officeDocument/2006/relationships/image" Target="../media/image235.jpeg"/><Relationship Id="rId85" Type="http://schemas.openxmlformats.org/officeDocument/2006/relationships/image" Target="../media/image240.png"/><Relationship Id="rId93" Type="http://schemas.openxmlformats.org/officeDocument/2006/relationships/image" Target="../media/image248.png"/><Relationship Id="rId98" Type="http://schemas.openxmlformats.org/officeDocument/2006/relationships/image" Target="../media/image253.png"/><Relationship Id="rId3" Type="http://schemas.openxmlformats.org/officeDocument/2006/relationships/image" Target="../media/image158.jpeg"/><Relationship Id="rId12" Type="http://schemas.openxmlformats.org/officeDocument/2006/relationships/image" Target="../media/image167.png"/><Relationship Id="rId17" Type="http://schemas.openxmlformats.org/officeDocument/2006/relationships/image" Target="../media/image172.png"/><Relationship Id="rId25" Type="http://schemas.openxmlformats.org/officeDocument/2006/relationships/image" Target="../media/image180.png"/><Relationship Id="rId33" Type="http://schemas.openxmlformats.org/officeDocument/2006/relationships/image" Target="../media/image188.jpeg"/><Relationship Id="rId38" Type="http://schemas.openxmlformats.org/officeDocument/2006/relationships/image" Target="../media/image193.jpeg"/><Relationship Id="rId46" Type="http://schemas.openxmlformats.org/officeDocument/2006/relationships/image" Target="../media/image201.jpeg"/><Relationship Id="rId59" Type="http://schemas.openxmlformats.org/officeDocument/2006/relationships/image" Target="../media/image214.png"/><Relationship Id="rId67" Type="http://schemas.openxmlformats.org/officeDocument/2006/relationships/image" Target="../media/image222.png"/><Relationship Id="rId103" Type="http://schemas.openxmlformats.org/officeDocument/2006/relationships/image" Target="../media/image258.png"/><Relationship Id="rId108" Type="http://schemas.openxmlformats.org/officeDocument/2006/relationships/image" Target="../media/image263.png"/><Relationship Id="rId116" Type="http://schemas.openxmlformats.org/officeDocument/2006/relationships/image" Target="../media/image271.png"/><Relationship Id="rId20" Type="http://schemas.openxmlformats.org/officeDocument/2006/relationships/image" Target="../media/image175.png"/><Relationship Id="rId41" Type="http://schemas.openxmlformats.org/officeDocument/2006/relationships/image" Target="../media/image196.jpeg"/><Relationship Id="rId54" Type="http://schemas.openxmlformats.org/officeDocument/2006/relationships/image" Target="../media/image209.jpeg"/><Relationship Id="rId62" Type="http://schemas.openxmlformats.org/officeDocument/2006/relationships/image" Target="../media/image217.png"/><Relationship Id="rId70" Type="http://schemas.openxmlformats.org/officeDocument/2006/relationships/image" Target="../media/image225.png"/><Relationship Id="rId75" Type="http://schemas.openxmlformats.org/officeDocument/2006/relationships/image" Target="../media/image230.png"/><Relationship Id="rId83" Type="http://schemas.openxmlformats.org/officeDocument/2006/relationships/image" Target="../media/image238.jpeg"/><Relationship Id="rId88" Type="http://schemas.openxmlformats.org/officeDocument/2006/relationships/image" Target="../media/image243.png"/><Relationship Id="rId91" Type="http://schemas.openxmlformats.org/officeDocument/2006/relationships/image" Target="../media/image246.png"/><Relationship Id="rId96" Type="http://schemas.openxmlformats.org/officeDocument/2006/relationships/image" Target="../media/image251.png"/><Relationship Id="rId111" Type="http://schemas.openxmlformats.org/officeDocument/2006/relationships/image" Target="../media/image266.jpeg"/><Relationship Id="rId1" Type="http://schemas.openxmlformats.org/officeDocument/2006/relationships/image" Target="../media/image156.jpeg"/><Relationship Id="rId6" Type="http://schemas.openxmlformats.org/officeDocument/2006/relationships/image" Target="../media/image161.png"/><Relationship Id="rId15" Type="http://schemas.openxmlformats.org/officeDocument/2006/relationships/image" Target="../media/image170.jpeg"/><Relationship Id="rId23" Type="http://schemas.openxmlformats.org/officeDocument/2006/relationships/image" Target="../media/image178.png"/><Relationship Id="rId28" Type="http://schemas.openxmlformats.org/officeDocument/2006/relationships/image" Target="../media/image183.jpeg"/><Relationship Id="rId36" Type="http://schemas.openxmlformats.org/officeDocument/2006/relationships/image" Target="../media/image191.jpeg"/><Relationship Id="rId49" Type="http://schemas.openxmlformats.org/officeDocument/2006/relationships/image" Target="../media/image204.jpeg"/><Relationship Id="rId57" Type="http://schemas.openxmlformats.org/officeDocument/2006/relationships/image" Target="../media/image212.jpeg"/><Relationship Id="rId106" Type="http://schemas.openxmlformats.org/officeDocument/2006/relationships/image" Target="../media/image261.png"/><Relationship Id="rId114" Type="http://schemas.openxmlformats.org/officeDocument/2006/relationships/image" Target="../media/image269.png"/><Relationship Id="rId10" Type="http://schemas.openxmlformats.org/officeDocument/2006/relationships/image" Target="../media/image165.png"/><Relationship Id="rId31" Type="http://schemas.openxmlformats.org/officeDocument/2006/relationships/image" Target="../media/image186.jpeg"/><Relationship Id="rId44" Type="http://schemas.openxmlformats.org/officeDocument/2006/relationships/image" Target="../media/image199.jpeg"/><Relationship Id="rId52" Type="http://schemas.openxmlformats.org/officeDocument/2006/relationships/image" Target="../media/image207.jpeg"/><Relationship Id="rId60" Type="http://schemas.openxmlformats.org/officeDocument/2006/relationships/image" Target="../media/image215.jpeg"/><Relationship Id="rId65" Type="http://schemas.openxmlformats.org/officeDocument/2006/relationships/image" Target="../media/image220.png"/><Relationship Id="rId73" Type="http://schemas.openxmlformats.org/officeDocument/2006/relationships/image" Target="../media/image228.png"/><Relationship Id="rId78" Type="http://schemas.openxmlformats.org/officeDocument/2006/relationships/image" Target="../media/image233.jpeg"/><Relationship Id="rId81" Type="http://schemas.openxmlformats.org/officeDocument/2006/relationships/image" Target="../media/image236.png"/><Relationship Id="rId86" Type="http://schemas.openxmlformats.org/officeDocument/2006/relationships/image" Target="../media/image241.png"/><Relationship Id="rId94" Type="http://schemas.openxmlformats.org/officeDocument/2006/relationships/image" Target="../media/image249.png"/><Relationship Id="rId99" Type="http://schemas.openxmlformats.org/officeDocument/2006/relationships/image" Target="../media/image254.png"/><Relationship Id="rId101" Type="http://schemas.openxmlformats.org/officeDocument/2006/relationships/image" Target="../media/image256.png"/><Relationship Id="rId4" Type="http://schemas.openxmlformats.org/officeDocument/2006/relationships/image" Target="../media/image159.jpeg"/><Relationship Id="rId9" Type="http://schemas.openxmlformats.org/officeDocument/2006/relationships/image" Target="../media/image164.jpeg"/><Relationship Id="rId13" Type="http://schemas.openxmlformats.org/officeDocument/2006/relationships/image" Target="../media/image168.jpeg"/><Relationship Id="rId18" Type="http://schemas.openxmlformats.org/officeDocument/2006/relationships/image" Target="../media/image173.png"/><Relationship Id="rId39" Type="http://schemas.openxmlformats.org/officeDocument/2006/relationships/image" Target="../media/image194.jpeg"/><Relationship Id="rId109" Type="http://schemas.openxmlformats.org/officeDocument/2006/relationships/image" Target="../media/image264.png"/><Relationship Id="rId34" Type="http://schemas.openxmlformats.org/officeDocument/2006/relationships/image" Target="../media/image189.jpeg"/><Relationship Id="rId50" Type="http://schemas.openxmlformats.org/officeDocument/2006/relationships/image" Target="../media/image205.jpeg"/><Relationship Id="rId55" Type="http://schemas.openxmlformats.org/officeDocument/2006/relationships/image" Target="../media/image210.jpeg"/><Relationship Id="rId76" Type="http://schemas.openxmlformats.org/officeDocument/2006/relationships/image" Target="../media/image231.jpeg"/><Relationship Id="rId97" Type="http://schemas.openxmlformats.org/officeDocument/2006/relationships/image" Target="../media/image252.png"/><Relationship Id="rId104" Type="http://schemas.openxmlformats.org/officeDocument/2006/relationships/image" Target="../media/image259.png"/><Relationship Id="rId7" Type="http://schemas.openxmlformats.org/officeDocument/2006/relationships/image" Target="../media/image162.jpeg"/><Relationship Id="rId71" Type="http://schemas.openxmlformats.org/officeDocument/2006/relationships/image" Target="../media/image226.png"/><Relationship Id="rId92" Type="http://schemas.openxmlformats.org/officeDocument/2006/relationships/image" Target="../media/image247.png"/><Relationship Id="rId2" Type="http://schemas.openxmlformats.org/officeDocument/2006/relationships/image" Target="../media/image157.png"/><Relationship Id="rId29" Type="http://schemas.openxmlformats.org/officeDocument/2006/relationships/image" Target="../media/image184.jpeg"/></Relationships>
</file>

<file path=xl/drawings/_rels/drawing6.xml.rels><?xml version="1.0" encoding="UTF-8" standalone="yes"?>
<Relationships xmlns="http://schemas.openxmlformats.org/package/2006/relationships"><Relationship Id="rId8" Type="http://schemas.openxmlformats.org/officeDocument/2006/relationships/image" Target="../media/image280.jpeg"/><Relationship Id="rId13" Type="http://schemas.openxmlformats.org/officeDocument/2006/relationships/image" Target="../media/image284.png"/><Relationship Id="rId18" Type="http://schemas.openxmlformats.org/officeDocument/2006/relationships/image" Target="../media/image289.png"/><Relationship Id="rId26" Type="http://schemas.openxmlformats.org/officeDocument/2006/relationships/image" Target="../media/image297.png"/><Relationship Id="rId3" Type="http://schemas.openxmlformats.org/officeDocument/2006/relationships/image" Target="../media/image275.jpeg"/><Relationship Id="rId21" Type="http://schemas.openxmlformats.org/officeDocument/2006/relationships/image" Target="../media/image292.jpeg"/><Relationship Id="rId7" Type="http://schemas.openxmlformats.org/officeDocument/2006/relationships/image" Target="../media/image279.jpeg"/><Relationship Id="rId12" Type="http://schemas.openxmlformats.org/officeDocument/2006/relationships/image" Target="../media/image283.emf"/><Relationship Id="rId17" Type="http://schemas.openxmlformats.org/officeDocument/2006/relationships/image" Target="../media/image288.png"/><Relationship Id="rId25" Type="http://schemas.openxmlformats.org/officeDocument/2006/relationships/image" Target="../media/image296.png"/><Relationship Id="rId2" Type="http://schemas.openxmlformats.org/officeDocument/2006/relationships/image" Target="../media/image274.jpeg"/><Relationship Id="rId16" Type="http://schemas.openxmlformats.org/officeDocument/2006/relationships/image" Target="../media/image287.jpeg"/><Relationship Id="rId20" Type="http://schemas.openxmlformats.org/officeDocument/2006/relationships/image" Target="../media/image291.png"/><Relationship Id="rId29" Type="http://schemas.openxmlformats.org/officeDocument/2006/relationships/image" Target="../media/image300.png"/><Relationship Id="rId1" Type="http://schemas.openxmlformats.org/officeDocument/2006/relationships/image" Target="../media/image273.jpeg"/><Relationship Id="rId6" Type="http://schemas.openxmlformats.org/officeDocument/2006/relationships/image" Target="../media/image278.jpeg"/><Relationship Id="rId11" Type="http://schemas.openxmlformats.org/officeDocument/2006/relationships/image" Target="../media/image282.emf"/><Relationship Id="rId24" Type="http://schemas.openxmlformats.org/officeDocument/2006/relationships/image" Target="../media/image295.png"/><Relationship Id="rId32" Type="http://schemas.openxmlformats.org/officeDocument/2006/relationships/image" Target="../media/image303.jpeg"/><Relationship Id="rId5" Type="http://schemas.openxmlformats.org/officeDocument/2006/relationships/image" Target="../media/image277.jpeg"/><Relationship Id="rId15" Type="http://schemas.openxmlformats.org/officeDocument/2006/relationships/image" Target="../media/image286.emf"/><Relationship Id="rId23" Type="http://schemas.openxmlformats.org/officeDocument/2006/relationships/image" Target="../media/image294.png"/><Relationship Id="rId28" Type="http://schemas.openxmlformats.org/officeDocument/2006/relationships/image" Target="../media/image299.png"/><Relationship Id="rId10" Type="http://schemas.openxmlformats.org/officeDocument/2006/relationships/image" Target="../media/image154.GIF"/><Relationship Id="rId19" Type="http://schemas.openxmlformats.org/officeDocument/2006/relationships/image" Target="../media/image290.png"/><Relationship Id="rId31" Type="http://schemas.openxmlformats.org/officeDocument/2006/relationships/image" Target="../media/image302.png"/><Relationship Id="rId4" Type="http://schemas.openxmlformats.org/officeDocument/2006/relationships/image" Target="../media/image276.png"/><Relationship Id="rId9" Type="http://schemas.openxmlformats.org/officeDocument/2006/relationships/image" Target="../media/image281.jpeg"/><Relationship Id="rId14" Type="http://schemas.openxmlformats.org/officeDocument/2006/relationships/image" Target="../media/image285.emf"/><Relationship Id="rId22" Type="http://schemas.openxmlformats.org/officeDocument/2006/relationships/image" Target="../media/image293.png"/><Relationship Id="rId27" Type="http://schemas.openxmlformats.org/officeDocument/2006/relationships/image" Target="../media/image298.png"/><Relationship Id="rId30" Type="http://schemas.openxmlformats.org/officeDocument/2006/relationships/image" Target="../media/image301.png"/></Relationships>
</file>

<file path=xl/drawings/_rels/drawing7.xml.rels><?xml version="1.0" encoding="UTF-8" standalone="yes"?>
<Relationships xmlns="http://schemas.openxmlformats.org/package/2006/relationships"><Relationship Id="rId2" Type="http://schemas.openxmlformats.org/officeDocument/2006/relationships/image" Target="../media/image154.GIF"/><Relationship Id="rId1" Type="http://schemas.openxmlformats.org/officeDocument/2006/relationships/image" Target="../media/image100.png"/></Relationships>
</file>

<file path=xl/drawings/_rels/drawing8.xml.rels><?xml version="1.0" encoding="UTF-8" standalone="yes"?>
<Relationships xmlns="http://schemas.openxmlformats.org/package/2006/relationships"><Relationship Id="rId3" Type="http://schemas.openxmlformats.org/officeDocument/2006/relationships/image" Target="../media/image306.png"/><Relationship Id="rId2" Type="http://schemas.openxmlformats.org/officeDocument/2006/relationships/image" Target="../media/image305.png"/><Relationship Id="rId1" Type="http://schemas.openxmlformats.org/officeDocument/2006/relationships/image" Target="../media/image304.png"/><Relationship Id="rId6" Type="http://schemas.openxmlformats.org/officeDocument/2006/relationships/image" Target="../media/image309.jpeg"/><Relationship Id="rId5" Type="http://schemas.openxmlformats.org/officeDocument/2006/relationships/image" Target="../media/image308.jpeg"/><Relationship Id="rId4" Type="http://schemas.openxmlformats.org/officeDocument/2006/relationships/image" Target="../media/image307.jpeg"/></Relationships>
</file>

<file path=xl/drawings/_rels/drawing9.xml.rels><?xml version="1.0" encoding="UTF-8" standalone="yes"?>
<Relationships xmlns="http://schemas.openxmlformats.org/package/2006/relationships"><Relationship Id="rId3" Type="http://schemas.microsoft.com/office/2007/relationships/hdphoto" Target="../media/hdphoto4.wdp"/><Relationship Id="rId2" Type="http://schemas.openxmlformats.org/officeDocument/2006/relationships/image" Target="../media/image311.png"/><Relationship Id="rId1" Type="http://schemas.openxmlformats.org/officeDocument/2006/relationships/image" Target="../media/image310.jpeg"/><Relationship Id="rId4" Type="http://schemas.openxmlformats.org/officeDocument/2006/relationships/image" Target="../media/image74.png"/></Relationships>
</file>

<file path=xl/drawings/drawing1.xml><?xml version="1.0" encoding="utf-8"?>
<xdr:wsDr xmlns:xdr="http://schemas.openxmlformats.org/drawingml/2006/spreadsheetDrawing" xmlns:a="http://schemas.openxmlformats.org/drawingml/2006/main">
  <xdr:oneCellAnchor>
    <xdr:from>
      <xdr:col>2</xdr:col>
      <xdr:colOff>352425</xdr:colOff>
      <xdr:row>42</xdr:row>
      <xdr:rowOff>209550</xdr:rowOff>
    </xdr:from>
    <xdr:ext cx="555030" cy="542925"/>
    <xdr:pic>
      <xdr:nvPicPr>
        <xdr:cNvPr id="54" name="图片 63">
          <a:extLst>
            <a:ext uri="{FF2B5EF4-FFF2-40B4-BE49-F238E27FC236}">
              <a16:creationId xmlns:a16="http://schemas.microsoft.com/office/drawing/2014/main" id="{28ED5CDA-D9B8-413D-B20B-ACE9FBB4EE47}"/>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1104900" y="13773150"/>
          <a:ext cx="555030" cy="542925"/>
        </a:xfrm>
        <a:prstGeom prst="rect">
          <a:avLst/>
        </a:prstGeom>
      </xdr:spPr>
    </xdr:pic>
    <xdr:clientData/>
  </xdr:oneCellAnchor>
  <xdr:oneCellAnchor>
    <xdr:from>
      <xdr:col>2</xdr:col>
      <xdr:colOff>238124</xdr:colOff>
      <xdr:row>28</xdr:row>
      <xdr:rowOff>266699</xdr:rowOff>
    </xdr:from>
    <xdr:ext cx="790576" cy="390526"/>
    <xdr:pic>
      <xdr:nvPicPr>
        <xdr:cNvPr id="43" name="图片 92" descr="C:\Users\z05278\AppData\Local\Temp\HZ$D.236.4325\IPC2122LR3-PF28M-D-FL.png">
          <a:extLst>
            <a:ext uri="{FF2B5EF4-FFF2-40B4-BE49-F238E27FC236}">
              <a16:creationId xmlns:a16="http://schemas.microsoft.com/office/drawing/2014/main" id="{AC3B1164-DE2B-4026-B113-84059E9087F5}"/>
            </a:ext>
          </a:extLst>
        </xdr:cNvPr>
        <xdr:cNvPicPr/>
      </xdr:nvPicPr>
      <xdr:blipFill rotWithShape="1">
        <a:blip xmlns:r="http://schemas.openxmlformats.org/officeDocument/2006/relationships" r:embed="rId2" cstate="email">
          <a:extLst>
            <a:ext uri="{28A0092B-C50C-407E-A947-70E740481C1C}">
              <a14:useLocalDpi xmlns:a14="http://schemas.microsoft.com/office/drawing/2010/main"/>
            </a:ext>
          </a:extLst>
        </a:blip>
        <a:srcRect/>
        <a:stretch/>
      </xdr:blipFill>
      <xdr:spPr bwMode="auto">
        <a:xfrm>
          <a:off x="990599" y="2886074"/>
          <a:ext cx="790576" cy="390526"/>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75167</xdr:colOff>
      <xdr:row>34</xdr:row>
      <xdr:rowOff>133369</xdr:rowOff>
    </xdr:from>
    <xdr:ext cx="725763" cy="551451"/>
    <xdr:pic>
      <xdr:nvPicPr>
        <xdr:cNvPr id="45" name="图片 93" descr="\\info-server\产品资料库\05-产品宣传彩页\英文版\01 IPC\01 IPC\1.Easy\Dome\8MP\UNV IPC328LR3-DVSPF28(40)-F\图片\4K半球_F.png">
          <a:extLst>
            <a:ext uri="{FF2B5EF4-FFF2-40B4-BE49-F238E27FC236}">
              <a16:creationId xmlns:a16="http://schemas.microsoft.com/office/drawing/2014/main" id="{B48A9BF5-71DE-45D4-BDD3-3DFE362DAD1D}"/>
            </a:ext>
          </a:extLst>
        </xdr:cNvPr>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a:ext>
          </a:extLst>
        </a:blip>
        <a:srcRect/>
        <a:stretch/>
      </xdr:blipFill>
      <xdr:spPr bwMode="auto">
        <a:xfrm>
          <a:off x="2434167" y="19850119"/>
          <a:ext cx="725763" cy="551451"/>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371475</xdr:colOff>
      <xdr:row>36</xdr:row>
      <xdr:rowOff>190500</xdr:rowOff>
    </xdr:from>
    <xdr:ext cx="619125" cy="523875"/>
    <xdr:pic>
      <xdr:nvPicPr>
        <xdr:cNvPr id="56" name="图片 94" descr="\\info-server\产品资料库\09-01-产品图片库\IDG\01-产品效果图\01-摄像机\产品渲染图总汇\海螺类\定焦海螺\两件套海螺\金属球体\UNV\有mic\1.png">
          <a:extLst>
            <a:ext uri="{FF2B5EF4-FFF2-40B4-BE49-F238E27FC236}">
              <a16:creationId xmlns:a16="http://schemas.microsoft.com/office/drawing/2014/main" id="{321797AE-57EB-48CB-A895-1E02A04C2986}"/>
            </a:ext>
          </a:extLst>
        </xdr:cNvPr>
        <xdr:cNvPicPr/>
      </xdr:nvPicPr>
      <xdr:blipFill rotWithShape="1">
        <a:blip xmlns:r="http://schemas.openxmlformats.org/officeDocument/2006/relationships" r:embed="rId4" cstate="email">
          <a:extLst>
            <a:ext uri="{28A0092B-C50C-407E-A947-70E740481C1C}">
              <a14:useLocalDpi xmlns:a14="http://schemas.microsoft.com/office/drawing/2010/main"/>
            </a:ext>
          </a:extLst>
        </a:blip>
        <a:srcRect/>
        <a:stretch/>
      </xdr:blipFill>
      <xdr:spPr bwMode="auto">
        <a:xfrm>
          <a:off x="1123950" y="12963525"/>
          <a:ext cx="619125" cy="523875"/>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47650</xdr:colOff>
      <xdr:row>40</xdr:row>
      <xdr:rowOff>304800</xdr:rowOff>
    </xdr:from>
    <xdr:ext cx="803830" cy="333900"/>
    <xdr:pic>
      <xdr:nvPicPr>
        <xdr:cNvPr id="57" name="图片 59">
          <a:extLst>
            <a:ext uri="{FF2B5EF4-FFF2-40B4-BE49-F238E27FC236}">
              <a16:creationId xmlns:a16="http://schemas.microsoft.com/office/drawing/2014/main" id="{83116437-CDA0-4804-ABFC-6D4B5B3E2FD9}"/>
            </a:ext>
          </a:extLst>
        </xdr:cNvPr>
        <xdr:cNvPicPr>
          <a:picLocks noChangeAspect="1"/>
        </xdr:cNvPicPr>
      </xdr:nvPicPr>
      <xdr:blipFill>
        <a:blip xmlns:r="http://schemas.openxmlformats.org/officeDocument/2006/relationships" r:embed="rId5" cstate="email">
          <a:extLst>
            <a:ext uri="{28A0092B-C50C-407E-A947-70E740481C1C}">
              <a14:useLocalDpi xmlns:a14="http://schemas.microsoft.com/office/drawing/2010/main"/>
            </a:ext>
          </a:extLst>
        </a:blip>
        <a:stretch>
          <a:fillRect/>
        </a:stretch>
      </xdr:blipFill>
      <xdr:spPr>
        <a:xfrm>
          <a:off x="1000125" y="2009775"/>
          <a:ext cx="803830" cy="333900"/>
        </a:xfrm>
        <a:prstGeom prst="rect">
          <a:avLst/>
        </a:prstGeom>
      </xdr:spPr>
    </xdr:pic>
    <xdr:clientData/>
  </xdr:oneCellAnchor>
  <xdr:twoCellAnchor editAs="oneCell">
    <xdr:from>
      <xdr:col>2</xdr:col>
      <xdr:colOff>295275</xdr:colOff>
      <xdr:row>51</xdr:row>
      <xdr:rowOff>342900</xdr:rowOff>
    </xdr:from>
    <xdr:to>
      <xdr:col>2</xdr:col>
      <xdr:colOff>965049</xdr:colOff>
      <xdr:row>52</xdr:row>
      <xdr:rowOff>331979</xdr:rowOff>
    </xdr:to>
    <xdr:pic>
      <xdr:nvPicPr>
        <xdr:cNvPr id="58" name="图片 58">
          <a:extLst>
            <a:ext uri="{FF2B5EF4-FFF2-40B4-BE49-F238E27FC236}">
              <a16:creationId xmlns:a16="http://schemas.microsoft.com/office/drawing/2014/main" id="{17D64D8E-29A2-4AD9-B7D3-3780CBB9AE82}"/>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a:ext>
          </a:extLst>
        </a:blip>
        <a:stretch>
          <a:fillRect/>
        </a:stretch>
      </xdr:blipFill>
      <xdr:spPr>
        <a:xfrm>
          <a:off x="1047750" y="15582900"/>
          <a:ext cx="669774" cy="570105"/>
        </a:xfrm>
        <a:prstGeom prst="rect">
          <a:avLst/>
        </a:prstGeom>
      </xdr:spPr>
    </xdr:pic>
    <xdr:clientData/>
  </xdr:twoCellAnchor>
  <xdr:twoCellAnchor editAs="oneCell">
    <xdr:from>
      <xdr:col>2</xdr:col>
      <xdr:colOff>165100</xdr:colOff>
      <xdr:row>96</xdr:row>
      <xdr:rowOff>723900</xdr:rowOff>
    </xdr:from>
    <xdr:to>
      <xdr:col>2</xdr:col>
      <xdr:colOff>844550</xdr:colOff>
      <xdr:row>98</xdr:row>
      <xdr:rowOff>38100</xdr:rowOff>
    </xdr:to>
    <xdr:pic>
      <xdr:nvPicPr>
        <xdr:cNvPr id="67" name="图片 1">
          <a:extLst>
            <a:ext uri="{FF2B5EF4-FFF2-40B4-BE49-F238E27FC236}">
              <a16:creationId xmlns:a16="http://schemas.microsoft.com/office/drawing/2014/main" id="{C47E3983-3731-459B-9531-7A4C0B1FF72C}"/>
            </a:ext>
          </a:extLst>
        </xdr:cNvPr>
        <xdr:cNvPicPr/>
      </xdr:nvPicPr>
      <xdr:blipFill>
        <a:blip xmlns:r="http://schemas.openxmlformats.org/officeDocument/2006/relationships" r:embed="rId7" cstate="email">
          <a:extLst>
            <a:ext uri="{28A0092B-C50C-407E-A947-70E740481C1C}">
              <a14:useLocalDpi xmlns:a14="http://schemas.microsoft.com/office/drawing/2010/main"/>
            </a:ext>
          </a:extLst>
        </a:blip>
        <a:stretch>
          <a:fillRect/>
        </a:stretch>
      </xdr:blipFill>
      <xdr:spPr>
        <a:xfrm>
          <a:off x="917575" y="38538150"/>
          <a:ext cx="679450" cy="647700"/>
        </a:xfrm>
        <a:prstGeom prst="rect">
          <a:avLst/>
        </a:prstGeom>
        <a:noFill/>
        <a:ln w="9525">
          <a:noFill/>
        </a:ln>
      </xdr:spPr>
    </xdr:pic>
    <xdr:clientData/>
  </xdr:twoCellAnchor>
  <xdr:twoCellAnchor editAs="oneCell">
    <xdr:from>
      <xdr:col>2</xdr:col>
      <xdr:colOff>298451</xdr:colOff>
      <xdr:row>98</xdr:row>
      <xdr:rowOff>31750</xdr:rowOff>
    </xdr:from>
    <xdr:to>
      <xdr:col>2</xdr:col>
      <xdr:colOff>768351</xdr:colOff>
      <xdr:row>98</xdr:row>
      <xdr:rowOff>685800</xdr:rowOff>
    </xdr:to>
    <xdr:pic>
      <xdr:nvPicPr>
        <xdr:cNvPr id="68" name="图片 1">
          <a:extLst>
            <a:ext uri="{FF2B5EF4-FFF2-40B4-BE49-F238E27FC236}">
              <a16:creationId xmlns:a16="http://schemas.microsoft.com/office/drawing/2014/main" id="{B43D2480-0522-46C4-8213-CA7D7B6F1FCF}"/>
            </a:ext>
          </a:extLst>
        </xdr:cNvPr>
        <xdr:cNvPicPr/>
      </xdr:nvPicPr>
      <xdr:blipFill>
        <a:blip xmlns:r="http://schemas.openxmlformats.org/officeDocument/2006/relationships" r:embed="rId8" cstate="email">
          <a:extLst>
            <a:ext uri="{28A0092B-C50C-407E-A947-70E740481C1C}">
              <a14:useLocalDpi xmlns:a14="http://schemas.microsoft.com/office/drawing/2010/main"/>
            </a:ext>
          </a:extLst>
        </a:blip>
        <a:stretch>
          <a:fillRect/>
        </a:stretch>
      </xdr:blipFill>
      <xdr:spPr>
        <a:xfrm>
          <a:off x="1050926" y="39179500"/>
          <a:ext cx="469900" cy="654050"/>
        </a:xfrm>
        <a:prstGeom prst="rect">
          <a:avLst/>
        </a:prstGeom>
        <a:noFill/>
        <a:ln w="9525">
          <a:noFill/>
        </a:ln>
      </xdr:spPr>
    </xdr:pic>
    <xdr:clientData/>
  </xdr:twoCellAnchor>
  <xdr:twoCellAnchor editAs="oneCell">
    <xdr:from>
      <xdr:col>2</xdr:col>
      <xdr:colOff>215900</xdr:colOff>
      <xdr:row>96</xdr:row>
      <xdr:rowOff>120650</xdr:rowOff>
    </xdr:from>
    <xdr:to>
      <xdr:col>2</xdr:col>
      <xdr:colOff>819150</xdr:colOff>
      <xdr:row>96</xdr:row>
      <xdr:rowOff>704850</xdr:rowOff>
    </xdr:to>
    <xdr:pic>
      <xdr:nvPicPr>
        <xdr:cNvPr id="69" name="图片 1">
          <a:extLst>
            <a:ext uri="{FF2B5EF4-FFF2-40B4-BE49-F238E27FC236}">
              <a16:creationId xmlns:a16="http://schemas.microsoft.com/office/drawing/2014/main" id="{F2012901-176D-4BAE-B390-FB4505CE26CD}"/>
            </a:ext>
          </a:extLst>
        </xdr:cNvPr>
        <xdr:cNvPicPr/>
      </xdr:nvPicPr>
      <xdr:blipFill>
        <a:blip xmlns:r="http://schemas.openxmlformats.org/officeDocument/2006/relationships" r:embed="rId9" cstate="email">
          <a:extLst>
            <a:ext uri="{28A0092B-C50C-407E-A947-70E740481C1C}">
              <a14:useLocalDpi xmlns:a14="http://schemas.microsoft.com/office/drawing/2010/main"/>
            </a:ext>
          </a:extLst>
        </a:blip>
        <a:stretch>
          <a:fillRect/>
        </a:stretch>
      </xdr:blipFill>
      <xdr:spPr>
        <a:xfrm>
          <a:off x="968375" y="37934900"/>
          <a:ext cx="603250" cy="584200"/>
        </a:xfrm>
        <a:prstGeom prst="rect">
          <a:avLst/>
        </a:prstGeom>
        <a:noFill/>
        <a:ln w="9525">
          <a:noFill/>
        </a:ln>
      </xdr:spPr>
    </xdr:pic>
    <xdr:clientData/>
  </xdr:twoCellAnchor>
  <xdr:twoCellAnchor editAs="oneCell">
    <xdr:from>
      <xdr:col>2</xdr:col>
      <xdr:colOff>165100</xdr:colOff>
      <xdr:row>94</xdr:row>
      <xdr:rowOff>165101</xdr:rowOff>
    </xdr:from>
    <xdr:to>
      <xdr:col>2</xdr:col>
      <xdr:colOff>908050</xdr:colOff>
      <xdr:row>96</xdr:row>
      <xdr:rowOff>47626</xdr:rowOff>
    </xdr:to>
    <xdr:pic>
      <xdr:nvPicPr>
        <xdr:cNvPr id="70" name="图片 1">
          <a:extLst>
            <a:ext uri="{FF2B5EF4-FFF2-40B4-BE49-F238E27FC236}">
              <a16:creationId xmlns:a16="http://schemas.microsoft.com/office/drawing/2014/main" id="{609C3B10-6F09-4B61-8BB2-BB66A1574C0B}"/>
            </a:ext>
          </a:extLst>
        </xdr:cNvPr>
        <xdr:cNvPicPr/>
      </xdr:nvPicPr>
      <xdr:blipFill>
        <a:blip xmlns:r="http://schemas.openxmlformats.org/officeDocument/2006/relationships" r:embed="rId10" cstate="email">
          <a:extLst>
            <a:ext uri="{28A0092B-C50C-407E-A947-70E740481C1C}">
              <a14:useLocalDpi xmlns:a14="http://schemas.microsoft.com/office/drawing/2010/main"/>
            </a:ext>
          </a:extLst>
        </a:blip>
        <a:stretch>
          <a:fillRect/>
        </a:stretch>
      </xdr:blipFill>
      <xdr:spPr>
        <a:xfrm>
          <a:off x="917575" y="37179251"/>
          <a:ext cx="742950" cy="682624"/>
        </a:xfrm>
        <a:prstGeom prst="rect">
          <a:avLst/>
        </a:prstGeom>
        <a:noFill/>
        <a:ln w="9525">
          <a:noFill/>
        </a:ln>
      </xdr:spPr>
    </xdr:pic>
    <xdr:clientData/>
  </xdr:twoCellAnchor>
  <xdr:twoCellAnchor editAs="oneCell">
    <xdr:from>
      <xdr:col>2</xdr:col>
      <xdr:colOff>171450</xdr:colOff>
      <xdr:row>99</xdr:row>
      <xdr:rowOff>95250</xdr:rowOff>
    </xdr:from>
    <xdr:to>
      <xdr:col>2</xdr:col>
      <xdr:colOff>828559</xdr:colOff>
      <xdr:row>99</xdr:row>
      <xdr:rowOff>485775</xdr:rowOff>
    </xdr:to>
    <xdr:pic>
      <xdr:nvPicPr>
        <xdr:cNvPr id="71" name="图片 26">
          <a:extLst>
            <a:ext uri="{FF2B5EF4-FFF2-40B4-BE49-F238E27FC236}">
              <a16:creationId xmlns:a16="http://schemas.microsoft.com/office/drawing/2014/main" id="{DAE31E80-24EE-4125-9820-5F8F0FB4B488}"/>
            </a:ext>
          </a:extLst>
        </xdr:cNvPr>
        <xdr:cNvPicPr>
          <a:picLocks noChangeAspect="1"/>
        </xdr:cNvPicPr>
      </xdr:nvPicPr>
      <xdr:blipFill>
        <a:blip xmlns:r="http://schemas.openxmlformats.org/officeDocument/2006/relationships" r:embed="rId11" cstate="email">
          <a:extLst>
            <a:ext uri="{28A0092B-C50C-407E-A947-70E740481C1C}">
              <a14:useLocalDpi xmlns:a14="http://schemas.microsoft.com/office/drawing/2010/main"/>
            </a:ext>
          </a:extLst>
        </a:blip>
        <a:stretch>
          <a:fillRect/>
        </a:stretch>
      </xdr:blipFill>
      <xdr:spPr>
        <a:xfrm>
          <a:off x="923925" y="39947850"/>
          <a:ext cx="657109" cy="390525"/>
        </a:xfrm>
        <a:prstGeom prst="rect">
          <a:avLst/>
        </a:prstGeom>
      </xdr:spPr>
    </xdr:pic>
    <xdr:clientData/>
  </xdr:twoCellAnchor>
  <xdr:twoCellAnchor editAs="oneCell">
    <xdr:from>
      <xdr:col>2</xdr:col>
      <xdr:colOff>171451</xdr:colOff>
      <xdr:row>104</xdr:row>
      <xdr:rowOff>63500</xdr:rowOff>
    </xdr:from>
    <xdr:to>
      <xdr:col>2</xdr:col>
      <xdr:colOff>914401</xdr:colOff>
      <xdr:row>105</xdr:row>
      <xdr:rowOff>57150</xdr:rowOff>
    </xdr:to>
    <xdr:pic>
      <xdr:nvPicPr>
        <xdr:cNvPr id="72" name="图片 5" descr="HB-01Y-B">
          <a:extLst>
            <a:ext uri="{FF2B5EF4-FFF2-40B4-BE49-F238E27FC236}">
              <a16:creationId xmlns:a16="http://schemas.microsoft.com/office/drawing/2014/main" id="{753BFB7A-AAAE-4483-B665-73CEAC4A1F04}"/>
            </a:ext>
          </a:extLst>
        </xdr:cNvPr>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923926" y="42316400"/>
          <a:ext cx="742950" cy="450850"/>
        </a:xfrm>
        <a:prstGeom prst="rect">
          <a:avLst/>
        </a:prstGeom>
      </xdr:spPr>
    </xdr:pic>
    <xdr:clientData/>
  </xdr:twoCellAnchor>
  <xdr:twoCellAnchor editAs="oneCell">
    <xdr:from>
      <xdr:col>2</xdr:col>
      <xdr:colOff>292100</xdr:colOff>
      <xdr:row>102</xdr:row>
      <xdr:rowOff>25401</xdr:rowOff>
    </xdr:from>
    <xdr:to>
      <xdr:col>2</xdr:col>
      <xdr:colOff>712952</xdr:colOff>
      <xdr:row>102</xdr:row>
      <xdr:rowOff>390525</xdr:rowOff>
    </xdr:to>
    <xdr:pic>
      <xdr:nvPicPr>
        <xdr:cNvPr id="73" name="图片 4">
          <a:extLst>
            <a:ext uri="{FF2B5EF4-FFF2-40B4-BE49-F238E27FC236}">
              <a16:creationId xmlns:a16="http://schemas.microsoft.com/office/drawing/2014/main" id="{A5A6DFC2-77C5-49B7-B5CA-899BC7B2A9D3}"/>
            </a:ext>
          </a:extLst>
        </xdr:cNvPr>
        <xdr:cNvPicPr>
          <a:picLocks noChangeAspect="1"/>
        </xdr:cNvPicPr>
      </xdr:nvPicPr>
      <xdr:blipFill>
        <a:blip xmlns:r="http://schemas.openxmlformats.org/officeDocument/2006/relationships" r:embed="rId13" cstate="email">
          <a:extLst>
            <a:ext uri="{28A0092B-C50C-407E-A947-70E740481C1C}">
              <a14:useLocalDpi xmlns:a14="http://schemas.microsoft.com/office/drawing/2010/main"/>
            </a:ext>
          </a:extLst>
        </a:blip>
        <a:stretch>
          <a:fillRect/>
        </a:stretch>
      </xdr:blipFill>
      <xdr:spPr>
        <a:xfrm>
          <a:off x="1044575" y="41363901"/>
          <a:ext cx="420852" cy="365124"/>
        </a:xfrm>
        <a:prstGeom prst="rect">
          <a:avLst/>
        </a:prstGeom>
      </xdr:spPr>
    </xdr:pic>
    <xdr:clientData/>
  </xdr:twoCellAnchor>
  <xdr:twoCellAnchor editAs="oneCell">
    <xdr:from>
      <xdr:col>2</xdr:col>
      <xdr:colOff>415925</xdr:colOff>
      <xdr:row>103</xdr:row>
      <xdr:rowOff>34925</xdr:rowOff>
    </xdr:from>
    <xdr:to>
      <xdr:col>2</xdr:col>
      <xdr:colOff>571500</xdr:colOff>
      <xdr:row>103</xdr:row>
      <xdr:rowOff>430681</xdr:rowOff>
    </xdr:to>
    <xdr:pic>
      <xdr:nvPicPr>
        <xdr:cNvPr id="74" name="图片 8">
          <a:extLst>
            <a:ext uri="{FF2B5EF4-FFF2-40B4-BE49-F238E27FC236}">
              <a16:creationId xmlns:a16="http://schemas.microsoft.com/office/drawing/2014/main" id="{B6708B18-088E-4090-AE2C-8B0DE9FAFD7F}"/>
            </a:ext>
          </a:extLst>
        </xdr:cNvPr>
        <xdr:cNvPicPr>
          <a:picLocks noChangeAspect="1"/>
        </xdr:cNvPicPr>
      </xdr:nvPicPr>
      <xdr:blipFill>
        <a:blip xmlns:r="http://schemas.openxmlformats.org/officeDocument/2006/relationships" r:embed="rId14" cstate="email">
          <a:extLst>
            <a:ext uri="{28A0092B-C50C-407E-A947-70E740481C1C}">
              <a14:useLocalDpi xmlns:a14="http://schemas.microsoft.com/office/drawing/2010/main"/>
            </a:ext>
          </a:extLst>
        </a:blip>
        <a:stretch>
          <a:fillRect/>
        </a:stretch>
      </xdr:blipFill>
      <xdr:spPr>
        <a:xfrm>
          <a:off x="1168400" y="41830625"/>
          <a:ext cx="155575" cy="395756"/>
        </a:xfrm>
        <a:prstGeom prst="rect">
          <a:avLst/>
        </a:prstGeom>
      </xdr:spPr>
    </xdr:pic>
    <xdr:clientData/>
  </xdr:twoCellAnchor>
  <xdr:twoCellAnchor editAs="oneCell">
    <xdr:from>
      <xdr:col>2</xdr:col>
      <xdr:colOff>292101</xdr:colOff>
      <xdr:row>101</xdr:row>
      <xdr:rowOff>101600</xdr:rowOff>
    </xdr:from>
    <xdr:to>
      <xdr:col>2</xdr:col>
      <xdr:colOff>781051</xdr:colOff>
      <xdr:row>101</xdr:row>
      <xdr:rowOff>438150</xdr:rowOff>
    </xdr:to>
    <xdr:pic>
      <xdr:nvPicPr>
        <xdr:cNvPr id="75" name="图片 2">
          <a:extLst>
            <a:ext uri="{FF2B5EF4-FFF2-40B4-BE49-F238E27FC236}">
              <a16:creationId xmlns:a16="http://schemas.microsoft.com/office/drawing/2014/main" id="{8D4A7C7D-689E-451A-8FDE-4A642710B6AD}"/>
            </a:ext>
          </a:extLst>
        </xdr:cNvPr>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a:xfrm>
          <a:off x="1044576" y="40982900"/>
          <a:ext cx="488950" cy="336550"/>
        </a:xfrm>
        <a:prstGeom prst="rect">
          <a:avLst/>
        </a:prstGeom>
      </xdr:spPr>
    </xdr:pic>
    <xdr:clientData/>
  </xdr:twoCellAnchor>
  <xdr:twoCellAnchor editAs="oneCell">
    <xdr:from>
      <xdr:col>2</xdr:col>
      <xdr:colOff>273050</xdr:colOff>
      <xdr:row>100</xdr:row>
      <xdr:rowOff>57150</xdr:rowOff>
    </xdr:from>
    <xdr:to>
      <xdr:col>2</xdr:col>
      <xdr:colOff>787400</xdr:colOff>
      <xdr:row>100</xdr:row>
      <xdr:rowOff>447675</xdr:rowOff>
    </xdr:to>
    <xdr:pic>
      <xdr:nvPicPr>
        <xdr:cNvPr id="76" name="图片 3">
          <a:extLst>
            <a:ext uri="{FF2B5EF4-FFF2-40B4-BE49-F238E27FC236}">
              <a16:creationId xmlns:a16="http://schemas.microsoft.com/office/drawing/2014/main" id="{17041556-9115-42B5-847A-6B5542E86654}"/>
            </a:ext>
          </a:extLst>
        </xdr:cNvPr>
        <xdr:cNvPicPr/>
      </xdr:nvPicPr>
      <xdr:blipFill>
        <a:blip xmlns:r="http://schemas.openxmlformats.org/officeDocument/2006/relationships" r:embed="rId16" cstate="email">
          <a:extLst>
            <a:ext uri="{28A0092B-C50C-407E-A947-70E740481C1C}">
              <a14:useLocalDpi xmlns:a14="http://schemas.microsoft.com/office/drawing/2010/main"/>
            </a:ext>
          </a:extLst>
        </a:blip>
        <a:srcRect/>
        <a:stretch>
          <a:fillRect/>
        </a:stretch>
      </xdr:blipFill>
      <xdr:spPr>
        <a:xfrm>
          <a:off x="1025525" y="40481250"/>
          <a:ext cx="514350" cy="390525"/>
        </a:xfrm>
        <a:prstGeom prst="rect">
          <a:avLst/>
        </a:prstGeom>
      </xdr:spPr>
    </xdr:pic>
    <xdr:clientData/>
  </xdr:twoCellAnchor>
  <xdr:twoCellAnchor editAs="oneCell">
    <xdr:from>
      <xdr:col>2</xdr:col>
      <xdr:colOff>219075</xdr:colOff>
      <xdr:row>108</xdr:row>
      <xdr:rowOff>123825</xdr:rowOff>
    </xdr:from>
    <xdr:to>
      <xdr:col>2</xdr:col>
      <xdr:colOff>926796</xdr:colOff>
      <xdr:row>108</xdr:row>
      <xdr:rowOff>552450</xdr:rowOff>
    </xdr:to>
    <xdr:pic>
      <xdr:nvPicPr>
        <xdr:cNvPr id="77" name="图片 24">
          <a:extLst>
            <a:ext uri="{FF2B5EF4-FFF2-40B4-BE49-F238E27FC236}">
              <a16:creationId xmlns:a16="http://schemas.microsoft.com/office/drawing/2014/main" id="{0A0E4C45-1DBB-4A9A-B0CB-A488C99BDBFD}"/>
            </a:ext>
          </a:extLst>
        </xdr:cNvPr>
        <xdr:cNvPicPr>
          <a:picLocks noChangeAspect="1"/>
        </xdr:cNvPicPr>
      </xdr:nvPicPr>
      <xdr:blipFill>
        <a:blip xmlns:r="http://schemas.openxmlformats.org/officeDocument/2006/relationships" r:embed="rId17" cstate="email">
          <a:extLst>
            <a:ext uri="{28A0092B-C50C-407E-A947-70E740481C1C}">
              <a14:useLocalDpi xmlns:a14="http://schemas.microsoft.com/office/drawing/2010/main"/>
            </a:ext>
          </a:extLst>
        </a:blip>
        <a:stretch>
          <a:fillRect/>
        </a:stretch>
      </xdr:blipFill>
      <xdr:spPr>
        <a:xfrm>
          <a:off x="971550" y="44205525"/>
          <a:ext cx="707721" cy="428625"/>
        </a:xfrm>
        <a:prstGeom prst="rect">
          <a:avLst/>
        </a:prstGeom>
      </xdr:spPr>
    </xdr:pic>
    <xdr:clientData/>
  </xdr:twoCellAnchor>
  <xdr:twoCellAnchor editAs="oneCell">
    <xdr:from>
      <xdr:col>2</xdr:col>
      <xdr:colOff>177801</xdr:colOff>
      <xdr:row>106</xdr:row>
      <xdr:rowOff>95250</xdr:rowOff>
    </xdr:from>
    <xdr:to>
      <xdr:col>2</xdr:col>
      <xdr:colOff>863601</xdr:colOff>
      <xdr:row>106</xdr:row>
      <xdr:rowOff>400050</xdr:rowOff>
    </xdr:to>
    <xdr:pic>
      <xdr:nvPicPr>
        <xdr:cNvPr id="78" name="图片 40">
          <a:extLst>
            <a:ext uri="{FF2B5EF4-FFF2-40B4-BE49-F238E27FC236}">
              <a16:creationId xmlns:a16="http://schemas.microsoft.com/office/drawing/2014/main" id="{F5AB4A48-7DC3-4B9F-9986-A3AAEF38B2B6}"/>
            </a:ext>
          </a:extLst>
        </xdr:cNvPr>
        <xdr:cNvPicPr/>
      </xdr:nvPicPr>
      <xdr:blipFill>
        <a:blip xmlns:r="http://schemas.openxmlformats.org/officeDocument/2006/relationships" r:embed="rId18" cstate="email">
          <a:extLst>
            <a:ext uri="{28A0092B-C50C-407E-A947-70E740481C1C}">
              <a14:useLocalDpi xmlns:a14="http://schemas.microsoft.com/office/drawing/2010/main"/>
            </a:ext>
          </a:extLst>
        </a:blip>
        <a:srcRect/>
        <a:stretch>
          <a:fillRect/>
        </a:stretch>
      </xdr:blipFill>
      <xdr:spPr>
        <a:xfrm>
          <a:off x="930276" y="43262550"/>
          <a:ext cx="685800" cy="304800"/>
        </a:xfrm>
        <a:prstGeom prst="rect">
          <a:avLst/>
        </a:prstGeom>
      </xdr:spPr>
    </xdr:pic>
    <xdr:clientData/>
  </xdr:twoCellAnchor>
  <xdr:twoCellAnchor editAs="oneCell">
    <xdr:from>
      <xdr:col>2</xdr:col>
      <xdr:colOff>158751</xdr:colOff>
      <xdr:row>105</xdr:row>
      <xdr:rowOff>44450</xdr:rowOff>
    </xdr:from>
    <xdr:to>
      <xdr:col>2</xdr:col>
      <xdr:colOff>717551</xdr:colOff>
      <xdr:row>105</xdr:row>
      <xdr:rowOff>447675</xdr:rowOff>
    </xdr:to>
    <xdr:pic>
      <xdr:nvPicPr>
        <xdr:cNvPr id="79" name="Picture 78" descr="TR-WM06-E">
          <a:extLst>
            <a:ext uri="{FF2B5EF4-FFF2-40B4-BE49-F238E27FC236}">
              <a16:creationId xmlns:a16="http://schemas.microsoft.com/office/drawing/2014/main" id="{5E5432AF-1D1F-468F-ACA1-2B2BEDD88F7E}"/>
            </a:ext>
          </a:extLst>
        </xdr:cNvPr>
        <xdr:cNvPicPr>
          <a:picLocks noChangeAspect="1" noChangeArrowheads="1"/>
        </xdr:cNvPicPr>
      </xdr:nvPicPr>
      <xdr:blipFill>
        <a:blip xmlns:r="http://schemas.openxmlformats.org/officeDocument/2006/relationships" r:embed="rId19" cstate="email">
          <a:extLst>
            <a:ext uri="{BEBA8EAE-BF5A-486C-A8C5-ECC9F3942E4B}">
              <a14:imgProps xmlns:a14="http://schemas.microsoft.com/office/drawing/2010/main">
                <a14:imgLayer r:embed="rId20">
                  <a14:imgEffect>
                    <a14:backgroundRemoval t="9901" b="94224" l="9969" r="89929"/>
                  </a14:imgEffect>
                </a14:imgLayer>
              </a14:imgProps>
            </a:ext>
            <a:ext uri="{28A0092B-C50C-407E-A947-70E740481C1C}">
              <a14:useLocalDpi xmlns:a14="http://schemas.microsoft.com/office/drawing/2010/main"/>
            </a:ext>
          </a:extLst>
        </a:blip>
        <a:srcRect/>
        <a:stretch>
          <a:fillRect/>
        </a:stretch>
      </xdr:blipFill>
      <xdr:spPr bwMode="auto">
        <a:xfrm>
          <a:off x="911226" y="42754550"/>
          <a:ext cx="558800" cy="403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247650</xdr:colOff>
      <xdr:row>107</xdr:row>
      <xdr:rowOff>25400</xdr:rowOff>
    </xdr:from>
    <xdr:to>
      <xdr:col>2</xdr:col>
      <xdr:colOff>761674</xdr:colOff>
      <xdr:row>108</xdr:row>
      <xdr:rowOff>0</xdr:rowOff>
    </xdr:to>
    <xdr:pic>
      <xdr:nvPicPr>
        <xdr:cNvPr id="80" name="图片 1">
          <a:extLst>
            <a:ext uri="{FF2B5EF4-FFF2-40B4-BE49-F238E27FC236}">
              <a16:creationId xmlns:a16="http://schemas.microsoft.com/office/drawing/2014/main" id="{B0380F95-42B1-47C6-8FD0-33E70AE3CA4F}"/>
            </a:ext>
          </a:extLst>
        </xdr:cNvPr>
        <xdr:cNvPicPr>
          <a:picLocks noChangeAspect="1"/>
        </xdr:cNvPicPr>
      </xdr:nvPicPr>
      <xdr:blipFill>
        <a:blip xmlns:r="http://schemas.openxmlformats.org/officeDocument/2006/relationships" r:embed="rId21" cstate="email">
          <a:extLst>
            <a:ext uri="{28A0092B-C50C-407E-A947-70E740481C1C}">
              <a14:useLocalDpi xmlns:a14="http://schemas.microsoft.com/office/drawing/2010/main"/>
            </a:ext>
          </a:extLst>
        </a:blip>
        <a:stretch>
          <a:fillRect/>
        </a:stretch>
      </xdr:blipFill>
      <xdr:spPr>
        <a:xfrm flipH="1">
          <a:off x="1000125" y="43649900"/>
          <a:ext cx="514024" cy="431800"/>
        </a:xfrm>
        <a:prstGeom prst="rect">
          <a:avLst/>
        </a:prstGeom>
      </xdr:spPr>
    </xdr:pic>
    <xdr:clientData/>
  </xdr:twoCellAnchor>
  <xdr:oneCellAnchor>
    <xdr:from>
      <xdr:col>2</xdr:col>
      <xdr:colOff>165099</xdr:colOff>
      <xdr:row>83</xdr:row>
      <xdr:rowOff>9525</xdr:rowOff>
    </xdr:from>
    <xdr:ext cx="815975" cy="508152"/>
    <xdr:pic>
      <xdr:nvPicPr>
        <xdr:cNvPr id="88" name="图片 4">
          <a:extLst>
            <a:ext uri="{FF2B5EF4-FFF2-40B4-BE49-F238E27FC236}">
              <a16:creationId xmlns:a16="http://schemas.microsoft.com/office/drawing/2014/main" id="{78FC97C3-F049-4C56-A759-39E4F59ED870}"/>
            </a:ext>
          </a:extLst>
        </xdr:cNvPr>
        <xdr:cNvPicPr>
          <a:picLocks noChangeAspect="1"/>
        </xdr:cNvPicPr>
      </xdr:nvPicPr>
      <xdr:blipFill>
        <a:blip xmlns:r="http://schemas.openxmlformats.org/officeDocument/2006/relationships" r:embed="rId22" cstate="email">
          <a:extLst>
            <a:ext uri="{28A0092B-C50C-407E-A947-70E740481C1C}">
              <a14:useLocalDpi xmlns:a14="http://schemas.microsoft.com/office/drawing/2010/main"/>
            </a:ext>
          </a:extLst>
        </a:blip>
        <a:stretch>
          <a:fillRect/>
        </a:stretch>
      </xdr:blipFill>
      <xdr:spPr>
        <a:xfrm>
          <a:off x="917574" y="19307175"/>
          <a:ext cx="815975" cy="508152"/>
        </a:xfrm>
        <a:prstGeom prst="rect">
          <a:avLst/>
        </a:prstGeom>
      </xdr:spPr>
    </xdr:pic>
    <xdr:clientData/>
  </xdr:oneCellAnchor>
  <xdr:oneCellAnchor>
    <xdr:from>
      <xdr:col>2</xdr:col>
      <xdr:colOff>233948</xdr:colOff>
      <xdr:row>11</xdr:row>
      <xdr:rowOff>324949</xdr:rowOff>
    </xdr:from>
    <xdr:ext cx="879218" cy="374795"/>
    <xdr:pic>
      <xdr:nvPicPr>
        <xdr:cNvPr id="44" name="图片 18">
          <a:extLst>
            <a:ext uri="{FF2B5EF4-FFF2-40B4-BE49-F238E27FC236}">
              <a16:creationId xmlns:a16="http://schemas.microsoft.com/office/drawing/2014/main" id="{A775D11C-8AB4-4C83-AF88-11989316B73D}"/>
            </a:ext>
          </a:extLst>
        </xdr:cNvPr>
        <xdr:cNvPicPr>
          <a:picLocks noChangeAspect="1"/>
        </xdr:cNvPicPr>
      </xdr:nvPicPr>
      <xdr:blipFill>
        <a:blip xmlns:r="http://schemas.openxmlformats.org/officeDocument/2006/relationships" r:embed="rId23" cstate="email">
          <a:extLst>
            <a:ext uri="{28A0092B-C50C-407E-A947-70E740481C1C}">
              <a14:useLocalDpi xmlns:a14="http://schemas.microsoft.com/office/drawing/2010/main"/>
            </a:ext>
          </a:extLst>
        </a:blip>
        <a:srcRect/>
        <a:stretch>
          <a:fillRect/>
        </a:stretch>
      </xdr:blipFill>
      <xdr:spPr>
        <a:xfrm>
          <a:off x="3765439" y="8797186"/>
          <a:ext cx="879218" cy="374795"/>
        </a:xfrm>
        <a:prstGeom prst="rect">
          <a:avLst/>
        </a:prstGeom>
      </xdr:spPr>
    </xdr:pic>
    <xdr:clientData/>
  </xdr:oneCellAnchor>
  <xdr:oneCellAnchor>
    <xdr:from>
      <xdr:col>2</xdr:col>
      <xdr:colOff>228599</xdr:colOff>
      <xdr:row>13</xdr:row>
      <xdr:rowOff>199689</xdr:rowOff>
    </xdr:from>
    <xdr:ext cx="809626" cy="495301"/>
    <xdr:pic>
      <xdr:nvPicPr>
        <xdr:cNvPr id="47" name="图片 20">
          <a:extLst>
            <a:ext uri="{FF2B5EF4-FFF2-40B4-BE49-F238E27FC236}">
              <a16:creationId xmlns:a16="http://schemas.microsoft.com/office/drawing/2014/main" id="{0823A96D-E341-42CB-924D-6D1F4F0C9EFC}"/>
            </a:ext>
          </a:extLst>
        </xdr:cNvPr>
        <xdr:cNvPicPr/>
      </xdr:nvPicPr>
      <xdr:blipFill rotWithShape="1">
        <a:blip xmlns:r="http://schemas.openxmlformats.org/officeDocument/2006/relationships" r:embed="rId24" cstate="email">
          <a:extLst>
            <a:ext uri="{28A0092B-C50C-407E-A947-70E740481C1C}">
              <a14:useLocalDpi xmlns:a14="http://schemas.microsoft.com/office/drawing/2010/main"/>
            </a:ext>
          </a:extLst>
        </a:blip>
        <a:srcRect/>
        <a:stretch/>
      </xdr:blipFill>
      <xdr:spPr bwMode="auto">
        <a:xfrm>
          <a:off x="3760090" y="13467847"/>
          <a:ext cx="809626" cy="495301"/>
        </a:xfrm>
        <a:prstGeom prst="rect">
          <a:avLst/>
        </a:prstGeom>
        <a:noFill/>
        <a:ln>
          <a:noFill/>
        </a:ln>
        <a:extLst>
          <a:ext uri="{53640926-AAD7-44D8-BBD7-CCE9431645EC}">
            <a14:shadowObscured xmlns:a14="http://schemas.microsoft.com/office/drawing/2010/main"/>
          </a:ext>
        </a:extLst>
      </xdr:spPr>
    </xdr:pic>
    <xdr:clientData/>
  </xdr:oneCellAnchor>
  <xdr:twoCellAnchor>
    <xdr:from>
      <xdr:col>2</xdr:col>
      <xdr:colOff>340729</xdr:colOff>
      <xdr:row>10</xdr:row>
      <xdr:rowOff>208462</xdr:rowOff>
    </xdr:from>
    <xdr:to>
      <xdr:col>2</xdr:col>
      <xdr:colOff>988429</xdr:colOff>
      <xdr:row>10</xdr:row>
      <xdr:rowOff>558395</xdr:rowOff>
    </xdr:to>
    <xdr:pic>
      <xdr:nvPicPr>
        <xdr:cNvPr id="48" name="Picture 3" descr="\\info-server\产品资料库\09-01-产品图片库\01-国内\01-摄像机\蝶形机\蝶形机_F.png">
          <a:extLst>
            <a:ext uri="{FF2B5EF4-FFF2-40B4-BE49-F238E27FC236}">
              <a16:creationId xmlns:a16="http://schemas.microsoft.com/office/drawing/2014/main" id="{C0395973-5DC3-418A-B0CE-F0834C65BD47}"/>
            </a:ext>
          </a:extLst>
        </xdr:cNvPr>
        <xdr:cNvPicPr>
          <a:picLocks noChangeAspect="1" noChangeArrowheads="1"/>
        </xdr:cNvPicPr>
      </xdr:nvPicPr>
      <xdr:blipFill>
        <a:blip xmlns:r="http://schemas.openxmlformats.org/officeDocument/2006/relationships" r:embed="rId25" cstate="email">
          <a:extLst>
            <a:ext uri="{28A0092B-C50C-407E-A947-70E740481C1C}">
              <a14:useLocalDpi xmlns:a14="http://schemas.microsoft.com/office/drawing/2010/main"/>
            </a:ext>
          </a:extLst>
        </a:blip>
        <a:srcRect/>
        <a:stretch>
          <a:fillRect/>
        </a:stretch>
      </xdr:blipFill>
      <xdr:spPr>
        <a:xfrm>
          <a:off x="3872220" y="11749866"/>
          <a:ext cx="647700" cy="349933"/>
        </a:xfrm>
        <a:prstGeom prst="rect">
          <a:avLst/>
        </a:prstGeom>
        <a:noFill/>
      </xdr:spPr>
    </xdr:pic>
    <xdr:clientData/>
  </xdr:twoCellAnchor>
  <xdr:oneCellAnchor>
    <xdr:from>
      <xdr:col>2</xdr:col>
      <xdr:colOff>180279</xdr:colOff>
      <xdr:row>61</xdr:row>
      <xdr:rowOff>19050</xdr:rowOff>
    </xdr:from>
    <xdr:ext cx="829371" cy="614966"/>
    <xdr:pic>
      <xdr:nvPicPr>
        <xdr:cNvPr id="50" name="图片 8">
          <a:extLst>
            <a:ext uri="{FF2B5EF4-FFF2-40B4-BE49-F238E27FC236}">
              <a16:creationId xmlns:a16="http://schemas.microsoft.com/office/drawing/2014/main" id="{950B0A21-5045-41A6-82E1-55B2B0A88B12}"/>
            </a:ext>
          </a:extLst>
        </xdr:cNvPr>
        <xdr:cNvPicPr>
          <a:picLocks noChangeAspect="1"/>
        </xdr:cNvPicPr>
      </xdr:nvPicPr>
      <xdr:blipFill>
        <a:blip xmlns:r="http://schemas.openxmlformats.org/officeDocument/2006/relationships" r:embed="rId26" cstate="email">
          <a:extLst>
            <a:ext uri="{28A0092B-C50C-407E-A947-70E740481C1C}">
              <a14:useLocalDpi xmlns:a14="http://schemas.microsoft.com/office/drawing/2010/main"/>
            </a:ext>
          </a:extLst>
        </a:blip>
        <a:stretch>
          <a:fillRect/>
        </a:stretch>
      </xdr:blipFill>
      <xdr:spPr>
        <a:xfrm>
          <a:off x="932754" y="16840200"/>
          <a:ext cx="829371" cy="614966"/>
        </a:xfrm>
        <a:prstGeom prst="rect">
          <a:avLst/>
        </a:prstGeom>
      </xdr:spPr>
    </xdr:pic>
    <xdr:clientData/>
  </xdr:oneCellAnchor>
  <xdr:oneCellAnchor>
    <xdr:from>
      <xdr:col>2</xdr:col>
      <xdr:colOff>222250</xdr:colOff>
      <xdr:row>56</xdr:row>
      <xdr:rowOff>50800</xdr:rowOff>
    </xdr:from>
    <xdr:ext cx="865809" cy="374085"/>
    <xdr:pic>
      <xdr:nvPicPr>
        <xdr:cNvPr id="51" name="图片 51">
          <a:extLst>
            <a:ext uri="{FF2B5EF4-FFF2-40B4-BE49-F238E27FC236}">
              <a16:creationId xmlns:a16="http://schemas.microsoft.com/office/drawing/2014/main" id="{657CDB8F-9C10-4567-815A-B6FBA4C51C05}"/>
            </a:ext>
          </a:extLst>
        </xdr:cNvPr>
        <xdr:cNvPicPr/>
      </xdr:nvPicPr>
      <xdr:blipFill>
        <a:blip xmlns:r="http://schemas.openxmlformats.org/officeDocument/2006/relationships" r:embed="rId27" cstate="email">
          <a:extLst>
            <a:ext uri="{28A0092B-C50C-407E-A947-70E740481C1C}">
              <a14:useLocalDpi xmlns:a14="http://schemas.microsoft.com/office/drawing/2010/main"/>
            </a:ext>
          </a:extLst>
        </a:blip>
        <a:stretch>
          <a:fillRect/>
        </a:stretch>
      </xdr:blipFill>
      <xdr:spPr>
        <a:xfrm>
          <a:off x="974725" y="18357850"/>
          <a:ext cx="865809" cy="374085"/>
        </a:xfrm>
        <a:prstGeom prst="rect">
          <a:avLst/>
        </a:prstGeom>
      </xdr:spPr>
    </xdr:pic>
    <xdr:clientData/>
  </xdr:oneCellAnchor>
  <xdr:oneCellAnchor>
    <xdr:from>
      <xdr:col>2</xdr:col>
      <xdr:colOff>222250</xdr:colOff>
      <xdr:row>62</xdr:row>
      <xdr:rowOff>38100</xdr:rowOff>
    </xdr:from>
    <xdr:ext cx="768350" cy="478494"/>
    <xdr:pic>
      <xdr:nvPicPr>
        <xdr:cNvPr id="64" name="图片 5">
          <a:extLst>
            <a:ext uri="{FF2B5EF4-FFF2-40B4-BE49-F238E27FC236}">
              <a16:creationId xmlns:a16="http://schemas.microsoft.com/office/drawing/2014/main" id="{853247C0-F2D4-4F53-B1E7-B0BDDC0DC5FA}"/>
            </a:ext>
          </a:extLst>
        </xdr:cNvPr>
        <xdr:cNvPicPr>
          <a:picLocks noChangeAspect="1"/>
        </xdr:cNvPicPr>
      </xdr:nvPicPr>
      <xdr:blipFill>
        <a:blip xmlns:r="http://schemas.openxmlformats.org/officeDocument/2006/relationships" r:embed="rId28" cstate="email">
          <a:extLst>
            <a:ext uri="{28A0092B-C50C-407E-A947-70E740481C1C}">
              <a14:useLocalDpi xmlns:a14="http://schemas.microsoft.com/office/drawing/2010/main"/>
            </a:ext>
          </a:extLst>
        </a:blip>
        <a:stretch>
          <a:fillRect/>
        </a:stretch>
      </xdr:blipFill>
      <xdr:spPr>
        <a:xfrm>
          <a:off x="974725" y="18145125"/>
          <a:ext cx="768350" cy="478494"/>
        </a:xfrm>
        <a:prstGeom prst="rect">
          <a:avLst/>
        </a:prstGeom>
      </xdr:spPr>
    </xdr:pic>
    <xdr:clientData/>
  </xdr:oneCellAnchor>
  <xdr:oneCellAnchor>
    <xdr:from>
      <xdr:col>2</xdr:col>
      <xdr:colOff>232833</xdr:colOff>
      <xdr:row>74</xdr:row>
      <xdr:rowOff>169335</xdr:rowOff>
    </xdr:from>
    <xdr:ext cx="786342" cy="358450"/>
    <xdr:pic>
      <xdr:nvPicPr>
        <xdr:cNvPr id="84" name="图片 22">
          <a:extLst>
            <a:ext uri="{FF2B5EF4-FFF2-40B4-BE49-F238E27FC236}">
              <a16:creationId xmlns:a16="http://schemas.microsoft.com/office/drawing/2014/main" id="{348E7189-0B1A-4D86-BAE5-07948F8E7C3C}"/>
            </a:ext>
          </a:extLst>
        </xdr:cNvPr>
        <xdr:cNvPicPr/>
      </xdr:nvPicPr>
      <xdr:blipFill>
        <a:blip xmlns:r="http://schemas.openxmlformats.org/officeDocument/2006/relationships" r:embed="rId29" cstate="email">
          <a:extLst>
            <a:ext uri="{28A0092B-C50C-407E-A947-70E740481C1C}">
              <a14:useLocalDpi xmlns:a14="http://schemas.microsoft.com/office/drawing/2010/main"/>
            </a:ext>
          </a:extLst>
        </a:blip>
        <a:stretch>
          <a:fillRect/>
        </a:stretch>
      </xdr:blipFill>
      <xdr:spPr>
        <a:xfrm>
          <a:off x="2391833" y="30405918"/>
          <a:ext cx="786342" cy="358450"/>
        </a:xfrm>
        <a:prstGeom prst="rect">
          <a:avLst/>
        </a:prstGeom>
      </xdr:spPr>
    </xdr:pic>
    <xdr:clientData/>
  </xdr:oneCellAnchor>
  <xdr:oneCellAnchor>
    <xdr:from>
      <xdr:col>2</xdr:col>
      <xdr:colOff>368300</xdr:colOff>
      <xdr:row>58</xdr:row>
      <xdr:rowOff>6350</xdr:rowOff>
    </xdr:from>
    <xdr:ext cx="514350" cy="377780"/>
    <xdr:pic>
      <xdr:nvPicPr>
        <xdr:cNvPr id="86" name="图片 13">
          <a:extLst>
            <a:ext uri="{FF2B5EF4-FFF2-40B4-BE49-F238E27FC236}">
              <a16:creationId xmlns:a16="http://schemas.microsoft.com/office/drawing/2014/main" id="{D9FB3FE3-8F13-492F-A9BE-32182ED1E2A6}"/>
            </a:ext>
          </a:extLst>
        </xdr:cNvPr>
        <xdr:cNvPicPr>
          <a:picLocks noChangeAspect="1"/>
        </xdr:cNvPicPr>
      </xdr:nvPicPr>
      <xdr:blipFill rotWithShape="1">
        <a:blip xmlns:r="http://schemas.openxmlformats.org/officeDocument/2006/relationships" r:embed="rId30" cstate="email">
          <a:extLst>
            <a:ext uri="{28A0092B-C50C-407E-A947-70E740481C1C}">
              <a14:useLocalDpi xmlns:a14="http://schemas.microsoft.com/office/drawing/2010/main"/>
            </a:ext>
          </a:extLst>
        </a:blip>
        <a:srcRect/>
        <a:stretch/>
      </xdr:blipFill>
      <xdr:spPr>
        <a:xfrm>
          <a:off x="1120775" y="23409275"/>
          <a:ext cx="514350" cy="377780"/>
        </a:xfrm>
        <a:prstGeom prst="rect">
          <a:avLst/>
        </a:prstGeom>
      </xdr:spPr>
    </xdr:pic>
    <xdr:clientData/>
  </xdr:oneCellAnchor>
  <xdr:oneCellAnchor>
    <xdr:from>
      <xdr:col>2</xdr:col>
      <xdr:colOff>444500</xdr:colOff>
      <xdr:row>59</xdr:row>
      <xdr:rowOff>25399</xdr:rowOff>
    </xdr:from>
    <xdr:ext cx="352049" cy="333019"/>
    <xdr:pic>
      <xdr:nvPicPr>
        <xdr:cNvPr id="89" name="图片 61">
          <a:extLst>
            <a:ext uri="{FF2B5EF4-FFF2-40B4-BE49-F238E27FC236}">
              <a16:creationId xmlns:a16="http://schemas.microsoft.com/office/drawing/2014/main" id="{A1F9B8D8-BC89-48D4-8D9F-FE7EB3B19739}"/>
            </a:ext>
          </a:extLst>
        </xdr:cNvPr>
        <xdr:cNvPicPr>
          <a:picLocks noChangeAspect="1"/>
        </xdr:cNvPicPr>
      </xdr:nvPicPr>
      <xdr:blipFill rotWithShape="1">
        <a:blip xmlns:r="http://schemas.openxmlformats.org/officeDocument/2006/relationships" r:embed="rId31" cstate="email">
          <a:extLst>
            <a:ext uri="{28A0092B-C50C-407E-A947-70E740481C1C}">
              <a14:useLocalDpi xmlns:a14="http://schemas.microsoft.com/office/drawing/2010/main"/>
            </a:ext>
          </a:extLst>
        </a:blip>
        <a:srcRect/>
        <a:stretch/>
      </xdr:blipFill>
      <xdr:spPr>
        <a:xfrm>
          <a:off x="1196975" y="23818849"/>
          <a:ext cx="352049" cy="333019"/>
        </a:xfrm>
        <a:prstGeom prst="rect">
          <a:avLst/>
        </a:prstGeom>
      </xdr:spPr>
    </xdr:pic>
    <xdr:clientData/>
  </xdr:oneCellAnchor>
  <xdr:oneCellAnchor>
    <xdr:from>
      <xdr:col>2</xdr:col>
      <xdr:colOff>352424</xdr:colOff>
      <xdr:row>65</xdr:row>
      <xdr:rowOff>142876</xdr:rowOff>
    </xdr:from>
    <xdr:ext cx="528053" cy="381000"/>
    <xdr:pic>
      <xdr:nvPicPr>
        <xdr:cNvPr id="90" name="图片 9">
          <a:extLst>
            <a:ext uri="{FF2B5EF4-FFF2-40B4-BE49-F238E27FC236}">
              <a16:creationId xmlns:a16="http://schemas.microsoft.com/office/drawing/2014/main" id="{39519CB1-22F0-40C4-923A-1C65A61A772F}"/>
            </a:ext>
          </a:extLst>
        </xdr:cNvPr>
        <xdr:cNvPicPr/>
      </xdr:nvPicPr>
      <xdr:blipFill>
        <a:blip xmlns:r="http://schemas.openxmlformats.org/officeDocument/2006/relationships" r:embed="rId32" cstate="email">
          <a:extLst>
            <a:ext uri="{28A0092B-C50C-407E-A947-70E740481C1C}">
              <a14:useLocalDpi xmlns:a14="http://schemas.microsoft.com/office/drawing/2010/main"/>
            </a:ext>
          </a:extLst>
        </a:blip>
        <a:srcRect/>
        <a:stretch>
          <a:fillRect/>
        </a:stretch>
      </xdr:blipFill>
      <xdr:spPr>
        <a:xfrm>
          <a:off x="1104899" y="22917151"/>
          <a:ext cx="528053" cy="381000"/>
        </a:xfrm>
        <a:prstGeom prst="rect">
          <a:avLst/>
        </a:prstGeom>
        <a:noFill/>
        <a:ln>
          <a:noFill/>
        </a:ln>
      </xdr:spPr>
    </xdr:pic>
    <xdr:clientData/>
  </xdr:oneCellAnchor>
  <xdr:oneCellAnchor>
    <xdr:from>
      <xdr:col>2</xdr:col>
      <xdr:colOff>333374</xdr:colOff>
      <xdr:row>79</xdr:row>
      <xdr:rowOff>104775</xdr:rowOff>
    </xdr:from>
    <xdr:ext cx="570231" cy="443230"/>
    <xdr:pic>
      <xdr:nvPicPr>
        <xdr:cNvPr id="91" name="图片 23">
          <a:extLst>
            <a:ext uri="{FF2B5EF4-FFF2-40B4-BE49-F238E27FC236}">
              <a16:creationId xmlns:a16="http://schemas.microsoft.com/office/drawing/2014/main" id="{A7984663-4DB2-4262-80F0-E39C2A0E01A8}"/>
            </a:ext>
          </a:extLst>
        </xdr:cNvPr>
        <xdr:cNvPicPr/>
      </xdr:nvPicPr>
      <xdr:blipFill rotWithShape="1">
        <a:blip xmlns:r="http://schemas.openxmlformats.org/officeDocument/2006/relationships" r:embed="rId33" cstate="email">
          <a:extLst>
            <a:ext uri="{28A0092B-C50C-407E-A947-70E740481C1C}">
              <a14:useLocalDpi xmlns:a14="http://schemas.microsoft.com/office/drawing/2010/main"/>
            </a:ext>
          </a:extLst>
        </a:blip>
        <a:srcRect/>
        <a:stretch/>
      </xdr:blipFill>
      <xdr:spPr bwMode="auto">
        <a:xfrm>
          <a:off x="1085849" y="23517225"/>
          <a:ext cx="570231" cy="443230"/>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343847</xdr:colOff>
      <xdr:row>86</xdr:row>
      <xdr:rowOff>66174</xdr:rowOff>
    </xdr:from>
    <xdr:ext cx="584200" cy="457200"/>
    <xdr:pic>
      <xdr:nvPicPr>
        <xdr:cNvPr id="96" name="图片 1">
          <a:extLst>
            <a:ext uri="{FF2B5EF4-FFF2-40B4-BE49-F238E27FC236}">
              <a16:creationId xmlns:a16="http://schemas.microsoft.com/office/drawing/2014/main" id="{BDDB3DDE-5A22-4633-83ED-A8436739E9CD}"/>
            </a:ext>
          </a:extLst>
        </xdr:cNvPr>
        <xdr:cNvPicPr/>
      </xdr:nvPicPr>
      <xdr:blipFill>
        <a:blip xmlns:r="http://schemas.openxmlformats.org/officeDocument/2006/relationships" r:embed="rId34" cstate="email">
          <a:extLst>
            <a:ext uri="{28A0092B-C50C-407E-A947-70E740481C1C}">
              <a14:useLocalDpi xmlns:a14="http://schemas.microsoft.com/office/drawing/2010/main"/>
            </a:ext>
          </a:extLst>
        </a:blip>
        <a:srcRect/>
        <a:stretch>
          <a:fillRect/>
        </a:stretch>
      </xdr:blipFill>
      <xdr:spPr>
        <a:xfrm>
          <a:off x="3875338" y="48498849"/>
          <a:ext cx="584200" cy="457200"/>
        </a:xfrm>
        <a:prstGeom prst="rect">
          <a:avLst/>
        </a:prstGeom>
        <a:noFill/>
        <a:ln>
          <a:noFill/>
        </a:ln>
      </xdr:spPr>
    </xdr:pic>
    <xdr:clientData/>
  </xdr:oneCellAnchor>
  <xdr:oneCellAnchor>
    <xdr:from>
      <xdr:col>2</xdr:col>
      <xdr:colOff>198966</xdr:colOff>
      <xdr:row>88</xdr:row>
      <xdr:rowOff>281517</xdr:rowOff>
    </xdr:from>
    <xdr:ext cx="859154" cy="437092"/>
    <xdr:pic>
      <xdr:nvPicPr>
        <xdr:cNvPr id="53" name="图片 55">
          <a:extLst>
            <a:ext uri="{FF2B5EF4-FFF2-40B4-BE49-F238E27FC236}">
              <a16:creationId xmlns:a16="http://schemas.microsoft.com/office/drawing/2014/main" id="{000043B4-43F4-405E-B617-30AA573D2FFB}"/>
            </a:ext>
          </a:extLst>
        </xdr:cNvPr>
        <xdr:cNvPicPr/>
      </xdr:nvPicPr>
      <xdr:blipFill>
        <a:blip xmlns:r="http://schemas.openxmlformats.org/officeDocument/2006/relationships" r:embed="rId35" cstate="email">
          <a:extLst>
            <a:ext uri="{28A0092B-C50C-407E-A947-70E740481C1C}">
              <a14:useLocalDpi xmlns:a14="http://schemas.microsoft.com/office/drawing/2010/main"/>
            </a:ext>
          </a:extLst>
        </a:blip>
        <a:stretch>
          <a:fillRect/>
        </a:stretch>
      </xdr:blipFill>
      <xdr:spPr>
        <a:xfrm>
          <a:off x="1145116" y="30494817"/>
          <a:ext cx="859154" cy="437092"/>
        </a:xfrm>
        <a:prstGeom prst="rect">
          <a:avLst/>
        </a:prstGeom>
      </xdr:spPr>
    </xdr:pic>
    <xdr:clientData/>
  </xdr:oneCellAnchor>
  <xdr:oneCellAnchor>
    <xdr:from>
      <xdr:col>2</xdr:col>
      <xdr:colOff>232832</xdr:colOff>
      <xdr:row>3</xdr:row>
      <xdr:rowOff>232834</xdr:rowOff>
    </xdr:from>
    <xdr:ext cx="888655" cy="409222"/>
    <xdr:pic>
      <xdr:nvPicPr>
        <xdr:cNvPr id="60" name="图片 3">
          <a:extLst>
            <a:ext uri="{FF2B5EF4-FFF2-40B4-BE49-F238E27FC236}">
              <a16:creationId xmlns:a16="http://schemas.microsoft.com/office/drawing/2014/main" id="{619061E2-3FCA-40A2-89A4-3B543226B114}"/>
            </a:ext>
          </a:extLst>
        </xdr:cNvPr>
        <xdr:cNvPicPr>
          <a:picLocks noChangeAspect="1"/>
        </xdr:cNvPicPr>
      </xdr:nvPicPr>
      <xdr:blipFill>
        <a:blip xmlns:r="http://schemas.openxmlformats.org/officeDocument/2006/relationships" r:embed="rId36" cstate="email">
          <a:extLst>
            <a:ext uri="{28A0092B-C50C-407E-A947-70E740481C1C}">
              <a14:useLocalDpi xmlns:a14="http://schemas.microsoft.com/office/drawing/2010/main"/>
            </a:ext>
          </a:extLst>
        </a:blip>
        <a:srcRect/>
        <a:stretch>
          <a:fillRect/>
        </a:stretch>
      </xdr:blipFill>
      <xdr:spPr>
        <a:xfrm>
          <a:off x="3642782" y="3141134"/>
          <a:ext cx="888655" cy="409222"/>
        </a:xfrm>
        <a:prstGeom prst="rect">
          <a:avLst/>
        </a:prstGeom>
        <a:ln>
          <a:noFill/>
        </a:ln>
      </xdr:spPr>
    </xdr:pic>
    <xdr:clientData/>
  </xdr:oneCellAnchor>
  <xdr:oneCellAnchor>
    <xdr:from>
      <xdr:col>2</xdr:col>
      <xdr:colOff>254001</xdr:colOff>
      <xdr:row>16</xdr:row>
      <xdr:rowOff>211666</xdr:rowOff>
    </xdr:from>
    <xdr:ext cx="878416" cy="451775"/>
    <xdr:pic>
      <xdr:nvPicPr>
        <xdr:cNvPr id="81" name="图片 22">
          <a:extLst>
            <a:ext uri="{FF2B5EF4-FFF2-40B4-BE49-F238E27FC236}">
              <a16:creationId xmlns:a16="http://schemas.microsoft.com/office/drawing/2014/main" id="{2E658E46-12F1-41F4-A132-3614DC349379}"/>
            </a:ext>
          </a:extLst>
        </xdr:cNvPr>
        <xdr:cNvPicPr>
          <a:picLocks noChangeAspect="1"/>
        </xdr:cNvPicPr>
      </xdr:nvPicPr>
      <xdr:blipFill>
        <a:blip xmlns:r="http://schemas.openxmlformats.org/officeDocument/2006/relationships" r:embed="rId37" cstate="email">
          <a:extLst>
            <a:ext uri="{BEBA8EAE-BF5A-486C-A8C5-ECC9F3942E4B}">
              <a14:imgProps xmlns:a14="http://schemas.microsoft.com/office/drawing/2010/main">
                <a14:imgLayer r:embed="rId38">
                  <a14:imgEffect>
                    <a14:backgroundRemoval t="2920" b="100000" l="958" r="97893"/>
                  </a14:imgEffect>
                </a14:imgLayer>
              </a14:imgProps>
            </a:ext>
            <a:ext uri="{28A0092B-C50C-407E-A947-70E740481C1C}">
              <a14:useLocalDpi xmlns:a14="http://schemas.microsoft.com/office/drawing/2010/main"/>
            </a:ext>
          </a:extLst>
        </a:blip>
        <a:stretch>
          <a:fillRect/>
        </a:stretch>
      </xdr:blipFill>
      <xdr:spPr>
        <a:xfrm>
          <a:off x="3663951" y="5088466"/>
          <a:ext cx="878416" cy="451775"/>
        </a:xfrm>
        <a:prstGeom prst="rect">
          <a:avLst/>
        </a:prstGeom>
      </xdr:spPr>
    </xdr:pic>
    <xdr:clientData/>
  </xdr:oneCellAnchor>
  <xdr:twoCellAnchor>
    <xdr:from>
      <xdr:col>2</xdr:col>
      <xdr:colOff>69693</xdr:colOff>
      <xdr:row>16</xdr:row>
      <xdr:rowOff>215193</xdr:rowOff>
    </xdr:from>
    <xdr:to>
      <xdr:col>2</xdr:col>
      <xdr:colOff>1146889</xdr:colOff>
      <xdr:row>17</xdr:row>
      <xdr:rowOff>329841</xdr:rowOff>
    </xdr:to>
    <xdr:pic>
      <xdr:nvPicPr>
        <xdr:cNvPr id="82" name="图片 11">
          <a:extLst>
            <a:ext uri="{FF2B5EF4-FFF2-40B4-BE49-F238E27FC236}">
              <a16:creationId xmlns:a16="http://schemas.microsoft.com/office/drawing/2014/main" id="{4E81C9E0-4A9D-40AE-917E-744824EF9506}"/>
            </a:ext>
          </a:extLst>
        </xdr:cNvPr>
        <xdr:cNvPicPr>
          <a:picLocks noChangeAspect="1"/>
        </xdr:cNvPicPr>
      </xdr:nvPicPr>
      <xdr:blipFill>
        <a:blip xmlns:r="http://schemas.openxmlformats.org/officeDocument/2006/relationships" r:embed="rId39" cstate="email">
          <a:extLst>
            <a:ext uri="{28A0092B-C50C-407E-A947-70E740481C1C}">
              <a14:useLocalDpi xmlns:a14="http://schemas.microsoft.com/office/drawing/2010/main"/>
            </a:ext>
          </a:extLst>
        </a:blip>
        <a:srcRect/>
        <a:stretch>
          <a:fillRect/>
        </a:stretch>
      </xdr:blipFill>
      <xdr:spPr>
        <a:xfrm>
          <a:off x="3479643" y="5091993"/>
          <a:ext cx="1077196" cy="597248"/>
        </a:xfrm>
        <a:prstGeom prst="rect">
          <a:avLst/>
        </a:prstGeom>
        <a:ln>
          <a:noFill/>
        </a:ln>
      </xdr:spPr>
    </xdr:pic>
    <xdr:clientData/>
  </xdr:twoCellAnchor>
  <xdr:twoCellAnchor>
    <xdr:from>
      <xdr:col>2</xdr:col>
      <xdr:colOff>259292</xdr:colOff>
      <xdr:row>5</xdr:row>
      <xdr:rowOff>95249</xdr:rowOff>
    </xdr:from>
    <xdr:to>
      <xdr:col>2</xdr:col>
      <xdr:colOff>997162</xdr:colOff>
      <xdr:row>6</xdr:row>
      <xdr:rowOff>312208</xdr:rowOff>
    </xdr:to>
    <xdr:pic>
      <xdr:nvPicPr>
        <xdr:cNvPr id="83" name="图片 5">
          <a:extLst>
            <a:ext uri="{FF2B5EF4-FFF2-40B4-BE49-F238E27FC236}">
              <a16:creationId xmlns:a16="http://schemas.microsoft.com/office/drawing/2014/main" id="{4BEA532B-9CDD-4EC9-9910-86787823050B}"/>
            </a:ext>
          </a:extLst>
        </xdr:cNvPr>
        <xdr:cNvPicPr>
          <a:picLocks noChangeAspect="1"/>
        </xdr:cNvPicPr>
      </xdr:nvPicPr>
      <xdr:blipFill>
        <a:blip xmlns:r="http://schemas.openxmlformats.org/officeDocument/2006/relationships" r:embed="rId40" cstate="email">
          <a:extLst>
            <a:ext uri="{28A0092B-C50C-407E-A947-70E740481C1C}">
              <a14:useLocalDpi xmlns:a14="http://schemas.microsoft.com/office/drawing/2010/main"/>
            </a:ext>
          </a:extLst>
        </a:blip>
        <a:srcRect/>
        <a:stretch>
          <a:fillRect/>
        </a:stretch>
      </xdr:blipFill>
      <xdr:spPr>
        <a:xfrm>
          <a:off x="2418292" y="12340166"/>
          <a:ext cx="737870" cy="703792"/>
        </a:xfrm>
        <a:prstGeom prst="rect">
          <a:avLst/>
        </a:prstGeom>
        <a:ln>
          <a:noFill/>
        </a:ln>
      </xdr:spPr>
    </xdr:pic>
    <xdr:clientData/>
  </xdr:twoCellAnchor>
  <xdr:oneCellAnchor>
    <xdr:from>
      <xdr:col>2</xdr:col>
      <xdr:colOff>306916</xdr:colOff>
      <xdr:row>18</xdr:row>
      <xdr:rowOff>254000</xdr:rowOff>
    </xdr:from>
    <xdr:ext cx="670925" cy="527593"/>
    <xdr:pic>
      <xdr:nvPicPr>
        <xdr:cNvPr id="87" name="图片 24">
          <a:extLst>
            <a:ext uri="{FF2B5EF4-FFF2-40B4-BE49-F238E27FC236}">
              <a16:creationId xmlns:a16="http://schemas.microsoft.com/office/drawing/2014/main" id="{AB091748-5BE9-491C-B39D-8F107B173599}"/>
            </a:ext>
          </a:extLst>
        </xdr:cNvPr>
        <xdr:cNvPicPr>
          <a:picLocks noChangeAspect="1"/>
        </xdr:cNvPicPr>
      </xdr:nvPicPr>
      <xdr:blipFill rotWithShape="1">
        <a:blip xmlns:r="http://schemas.openxmlformats.org/officeDocument/2006/relationships" r:embed="rId41" cstate="email">
          <a:extLst>
            <a:ext uri="{28A0092B-C50C-407E-A947-70E740481C1C}">
              <a14:useLocalDpi xmlns:a14="http://schemas.microsoft.com/office/drawing/2010/main"/>
            </a:ext>
          </a:extLst>
        </a:blip>
        <a:srcRect/>
        <a:stretch/>
      </xdr:blipFill>
      <xdr:spPr>
        <a:xfrm>
          <a:off x="3716866" y="18529300"/>
          <a:ext cx="670925" cy="527593"/>
        </a:xfrm>
        <a:prstGeom prst="rect">
          <a:avLst/>
        </a:prstGeom>
      </xdr:spPr>
    </xdr:pic>
    <xdr:clientData/>
  </xdr:oneCellAnchor>
  <xdr:twoCellAnchor>
    <xdr:from>
      <xdr:col>2</xdr:col>
      <xdr:colOff>271637</xdr:colOff>
      <xdr:row>7</xdr:row>
      <xdr:rowOff>220856</xdr:rowOff>
    </xdr:from>
    <xdr:to>
      <xdr:col>2</xdr:col>
      <xdr:colOff>1020422</xdr:colOff>
      <xdr:row>8</xdr:row>
      <xdr:rowOff>328638</xdr:rowOff>
    </xdr:to>
    <xdr:pic>
      <xdr:nvPicPr>
        <xdr:cNvPr id="97" name="图片 5" descr="\\info-server\产品资料库\09-01-产品图片库\02-海外\01- Network Camera\Easy\Dome\IPC361x(1).png">
          <a:extLst>
            <a:ext uri="{FF2B5EF4-FFF2-40B4-BE49-F238E27FC236}">
              <a16:creationId xmlns:a16="http://schemas.microsoft.com/office/drawing/2014/main" id="{333FA34F-046E-4C27-B993-47A0F0BC1464}"/>
            </a:ext>
          </a:extLst>
        </xdr:cNvPr>
        <xdr:cNvPicPr>
          <a:picLocks noChangeAspect="1" noChangeArrowheads="1"/>
        </xdr:cNvPicPr>
      </xdr:nvPicPr>
      <xdr:blipFill>
        <a:blip xmlns:r="http://schemas.openxmlformats.org/officeDocument/2006/relationships" r:embed="rId42" cstate="email">
          <a:extLst>
            <a:ext uri="{28A0092B-C50C-407E-A947-70E740481C1C}">
              <a14:useLocalDpi xmlns:a14="http://schemas.microsoft.com/office/drawing/2010/main"/>
            </a:ext>
          </a:extLst>
        </a:blip>
        <a:srcRect/>
        <a:stretch>
          <a:fillRect/>
        </a:stretch>
      </xdr:blipFill>
      <xdr:spPr>
        <a:xfrm>
          <a:off x="3803128" y="4816251"/>
          <a:ext cx="748785" cy="642519"/>
        </a:xfrm>
        <a:prstGeom prst="rect">
          <a:avLst/>
        </a:prstGeom>
        <a:noFill/>
        <a:ln>
          <a:noFill/>
        </a:ln>
      </xdr:spPr>
    </xdr:pic>
    <xdr:clientData/>
  </xdr:twoCellAnchor>
  <xdr:oneCellAnchor>
    <xdr:from>
      <xdr:col>2</xdr:col>
      <xdr:colOff>264027</xdr:colOff>
      <xdr:row>20</xdr:row>
      <xdr:rowOff>165435</xdr:rowOff>
    </xdr:from>
    <xdr:ext cx="745643" cy="656166"/>
    <xdr:pic>
      <xdr:nvPicPr>
        <xdr:cNvPr id="98" name="图片 19">
          <a:extLst>
            <a:ext uri="{FF2B5EF4-FFF2-40B4-BE49-F238E27FC236}">
              <a16:creationId xmlns:a16="http://schemas.microsoft.com/office/drawing/2014/main" id="{F724EF38-15BE-4ABF-9D34-B8BFB606B53D}"/>
            </a:ext>
          </a:extLst>
        </xdr:cNvPr>
        <xdr:cNvPicPr>
          <a:picLocks noChangeAspect="1"/>
        </xdr:cNvPicPr>
      </xdr:nvPicPr>
      <xdr:blipFill rotWithShape="1">
        <a:blip xmlns:r="http://schemas.openxmlformats.org/officeDocument/2006/relationships" r:embed="rId43" cstate="email">
          <a:extLst>
            <a:ext uri="{28A0092B-C50C-407E-A947-70E740481C1C}">
              <a14:useLocalDpi xmlns:a14="http://schemas.microsoft.com/office/drawing/2010/main"/>
            </a:ext>
          </a:extLst>
        </a:blip>
        <a:srcRect/>
        <a:stretch/>
      </xdr:blipFill>
      <xdr:spPr>
        <a:xfrm>
          <a:off x="3795518" y="16569602"/>
          <a:ext cx="745643" cy="656166"/>
        </a:xfrm>
        <a:prstGeom prst="rect">
          <a:avLst/>
        </a:prstGeom>
      </xdr:spPr>
    </xdr:pic>
    <xdr:clientData/>
  </xdr:oneCellAnchor>
  <xdr:oneCellAnchor>
    <xdr:from>
      <xdr:col>2</xdr:col>
      <xdr:colOff>402166</xdr:colOff>
      <xdr:row>75</xdr:row>
      <xdr:rowOff>95250</xdr:rowOff>
    </xdr:from>
    <xdr:ext cx="542645" cy="443430"/>
    <xdr:pic>
      <xdr:nvPicPr>
        <xdr:cNvPr id="99" name="图片 30" descr="屏幕剪辑">
          <a:extLst>
            <a:ext uri="{FF2B5EF4-FFF2-40B4-BE49-F238E27FC236}">
              <a16:creationId xmlns:a16="http://schemas.microsoft.com/office/drawing/2014/main" id="{B2A6744A-1646-45A1-8F0D-0756380A8F5D}"/>
            </a:ext>
          </a:extLst>
        </xdr:cNvPr>
        <xdr:cNvPicPr>
          <a:picLocks noChangeAspect="1"/>
        </xdr:cNvPicPr>
      </xdr:nvPicPr>
      <xdr:blipFill>
        <a:blip xmlns:r="http://schemas.openxmlformats.org/officeDocument/2006/relationships" r:embed="rId44" cstate="email">
          <a:extLst>
            <a:ext uri="{28A0092B-C50C-407E-A947-70E740481C1C}">
              <a14:useLocalDpi xmlns:a14="http://schemas.microsoft.com/office/drawing/2010/main"/>
            </a:ext>
          </a:extLst>
        </a:blip>
        <a:stretch>
          <a:fillRect/>
        </a:stretch>
      </xdr:blipFill>
      <xdr:spPr>
        <a:xfrm>
          <a:off x="2561166" y="35798125"/>
          <a:ext cx="542645" cy="443430"/>
        </a:xfrm>
        <a:prstGeom prst="rect">
          <a:avLst/>
        </a:prstGeom>
      </xdr:spPr>
    </xdr:pic>
    <xdr:clientData/>
  </xdr:oneCellAnchor>
  <xdr:oneCellAnchor>
    <xdr:from>
      <xdr:col>2</xdr:col>
      <xdr:colOff>407459</xdr:colOff>
      <xdr:row>76</xdr:row>
      <xdr:rowOff>95250</xdr:rowOff>
    </xdr:from>
    <xdr:ext cx="477343" cy="440624"/>
    <xdr:pic>
      <xdr:nvPicPr>
        <xdr:cNvPr id="100" name="图片 32" descr="屏幕剪辑">
          <a:extLst>
            <a:ext uri="{FF2B5EF4-FFF2-40B4-BE49-F238E27FC236}">
              <a16:creationId xmlns:a16="http://schemas.microsoft.com/office/drawing/2014/main" id="{D3143C1E-AE3A-4C4C-83A4-9220535E2738}"/>
            </a:ext>
          </a:extLst>
        </xdr:cNvPr>
        <xdr:cNvPicPr>
          <a:picLocks noChangeAspect="1"/>
        </xdr:cNvPicPr>
      </xdr:nvPicPr>
      <xdr:blipFill>
        <a:blip xmlns:r="http://schemas.openxmlformats.org/officeDocument/2006/relationships" r:embed="rId45" cstate="email">
          <a:extLst>
            <a:ext uri="{28A0092B-C50C-407E-A947-70E740481C1C}">
              <a14:useLocalDpi xmlns:a14="http://schemas.microsoft.com/office/drawing/2010/main"/>
            </a:ext>
          </a:extLst>
        </a:blip>
        <a:stretch>
          <a:fillRect/>
        </a:stretch>
      </xdr:blipFill>
      <xdr:spPr>
        <a:xfrm>
          <a:off x="2566459" y="36433125"/>
          <a:ext cx="477343" cy="440624"/>
        </a:xfrm>
        <a:prstGeom prst="rect">
          <a:avLst/>
        </a:prstGeom>
      </xdr:spPr>
    </xdr:pic>
    <xdr:clientData/>
  </xdr:oneCellAnchor>
  <xdr:oneCellAnchor>
    <xdr:from>
      <xdr:col>2</xdr:col>
      <xdr:colOff>275910</xdr:colOff>
      <xdr:row>71</xdr:row>
      <xdr:rowOff>83181</xdr:rowOff>
    </xdr:from>
    <xdr:ext cx="737305" cy="361597"/>
    <xdr:pic>
      <xdr:nvPicPr>
        <xdr:cNvPr id="101" name="图片 95" descr="\\info-server\产品资料库\05-产品宣传彩页\英文版\01 IPC\01 IPC\1.Easy\Bullet\5MP\UNV IPC2325LBR3-SP(Z28)-D\图片\IPC232X-FR.png">
          <a:extLst>
            <a:ext uri="{FF2B5EF4-FFF2-40B4-BE49-F238E27FC236}">
              <a16:creationId xmlns:a16="http://schemas.microsoft.com/office/drawing/2014/main" id="{30465BF8-F70A-4115-9FAE-C55F8B9C2D36}"/>
            </a:ext>
          </a:extLst>
        </xdr:cNvPr>
        <xdr:cNvPicPr/>
      </xdr:nvPicPr>
      <xdr:blipFill rotWithShape="1">
        <a:blip xmlns:r="http://schemas.openxmlformats.org/officeDocument/2006/relationships" r:embed="rId46" cstate="email">
          <a:extLst>
            <a:ext uri="{28A0092B-C50C-407E-A947-70E740481C1C}">
              <a14:useLocalDpi xmlns:a14="http://schemas.microsoft.com/office/drawing/2010/main"/>
            </a:ext>
          </a:extLst>
        </a:blip>
        <a:srcRect/>
        <a:stretch/>
      </xdr:blipFill>
      <xdr:spPr bwMode="auto">
        <a:xfrm>
          <a:off x="3807401" y="37342085"/>
          <a:ext cx="737305" cy="361597"/>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73402</xdr:colOff>
      <xdr:row>77</xdr:row>
      <xdr:rowOff>74082</xdr:rowOff>
    </xdr:from>
    <xdr:ext cx="689681" cy="523875"/>
    <xdr:pic>
      <xdr:nvPicPr>
        <xdr:cNvPr id="102" name="图片 96" descr="IPC323x(1)">
          <a:extLst>
            <a:ext uri="{FF2B5EF4-FFF2-40B4-BE49-F238E27FC236}">
              <a16:creationId xmlns:a16="http://schemas.microsoft.com/office/drawing/2014/main" id="{E8E82D12-B4F0-463F-9635-4838FB7120B1}"/>
            </a:ext>
          </a:extLst>
        </xdr:cNvPr>
        <xdr:cNvPicPr/>
      </xdr:nvPicPr>
      <xdr:blipFill>
        <a:blip xmlns:r="http://schemas.openxmlformats.org/officeDocument/2006/relationships" r:embed="rId47" cstate="email">
          <a:extLst>
            <a:ext uri="{28A0092B-C50C-407E-A947-70E740481C1C}">
              <a14:useLocalDpi xmlns:a14="http://schemas.microsoft.com/office/drawing/2010/main"/>
            </a:ext>
          </a:extLst>
        </a:blip>
        <a:srcRect/>
        <a:stretch>
          <a:fillRect/>
        </a:stretch>
      </xdr:blipFill>
      <xdr:spPr>
        <a:xfrm>
          <a:off x="2432402" y="37623749"/>
          <a:ext cx="689681" cy="523875"/>
        </a:xfrm>
        <a:prstGeom prst="rect">
          <a:avLst/>
        </a:prstGeom>
        <a:ln>
          <a:noFill/>
        </a:ln>
      </xdr:spPr>
    </xdr:pic>
    <xdr:clientData/>
  </xdr:oneCellAnchor>
  <xdr:oneCellAnchor>
    <xdr:from>
      <xdr:col>2</xdr:col>
      <xdr:colOff>368654</xdr:colOff>
      <xdr:row>80</xdr:row>
      <xdr:rowOff>109360</xdr:rowOff>
    </xdr:from>
    <xdr:ext cx="499180" cy="462140"/>
    <xdr:pic>
      <xdr:nvPicPr>
        <xdr:cNvPr id="104" name="图片 97" descr="方视窗海螺-F">
          <a:extLst>
            <a:ext uri="{FF2B5EF4-FFF2-40B4-BE49-F238E27FC236}">
              <a16:creationId xmlns:a16="http://schemas.microsoft.com/office/drawing/2014/main" id="{25E554D8-3A9B-4512-AFED-BA19E3ADC249}"/>
            </a:ext>
          </a:extLst>
        </xdr:cNvPr>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bwMode="auto">
        <a:xfrm>
          <a:off x="2527654" y="38950193"/>
          <a:ext cx="499180" cy="462140"/>
        </a:xfrm>
        <a:prstGeom prst="rect">
          <a:avLst/>
        </a:prstGeom>
        <a:noFill/>
        <a:ln>
          <a:noFill/>
        </a:ln>
      </xdr:spPr>
    </xdr:pic>
    <xdr:clientData/>
  </xdr:oneCellAnchor>
  <xdr:oneCellAnchor>
    <xdr:from>
      <xdr:col>2</xdr:col>
      <xdr:colOff>352425</xdr:colOff>
      <xdr:row>91</xdr:row>
      <xdr:rowOff>44450</xdr:rowOff>
    </xdr:from>
    <xdr:ext cx="443604" cy="508000"/>
    <xdr:pic>
      <xdr:nvPicPr>
        <xdr:cNvPr id="105" name="图片 6">
          <a:extLst>
            <a:ext uri="{FF2B5EF4-FFF2-40B4-BE49-F238E27FC236}">
              <a16:creationId xmlns:a16="http://schemas.microsoft.com/office/drawing/2014/main" id="{CDF4F7F5-7BB9-4E54-9F25-C912CB6F0006}"/>
            </a:ext>
          </a:extLst>
        </xdr:cNvPr>
        <xdr:cNvPicPr>
          <a:picLocks noChangeAspect="1"/>
        </xdr:cNvPicPr>
      </xdr:nvPicPr>
      <xdr:blipFill>
        <a:blip xmlns:r="http://schemas.openxmlformats.org/officeDocument/2006/relationships" r:embed="rId49" cstate="email">
          <a:extLst>
            <a:ext uri="{28A0092B-C50C-407E-A947-70E740481C1C}">
              <a14:useLocalDpi xmlns:a14="http://schemas.microsoft.com/office/drawing/2010/main"/>
            </a:ext>
          </a:extLst>
        </a:blip>
        <a:srcRect/>
        <a:stretch>
          <a:fillRect/>
        </a:stretch>
      </xdr:blipFill>
      <xdr:spPr>
        <a:xfrm>
          <a:off x="2511425" y="44674367"/>
          <a:ext cx="443604" cy="508000"/>
        </a:xfrm>
        <a:prstGeom prst="rect">
          <a:avLst/>
        </a:prstGeom>
      </xdr:spPr>
    </xdr:pic>
    <xdr:clientData/>
  </xdr:oneCellAnchor>
  <xdr:twoCellAnchor editAs="oneCell">
    <xdr:from>
      <xdr:col>2</xdr:col>
      <xdr:colOff>179917</xdr:colOff>
      <xdr:row>32</xdr:row>
      <xdr:rowOff>148168</xdr:rowOff>
    </xdr:from>
    <xdr:to>
      <xdr:col>2</xdr:col>
      <xdr:colOff>1105958</xdr:colOff>
      <xdr:row>33</xdr:row>
      <xdr:rowOff>211667</xdr:rowOff>
    </xdr:to>
    <xdr:pic>
      <xdr:nvPicPr>
        <xdr:cNvPr id="106" name="图片 66" descr="2020070801.3051">
          <a:extLst>
            <a:ext uri="{FF2B5EF4-FFF2-40B4-BE49-F238E27FC236}">
              <a16:creationId xmlns:a16="http://schemas.microsoft.com/office/drawing/2014/main" id="{603BF18F-A28B-42A3-8FC8-9A29D6207987}"/>
            </a:ext>
          </a:extLst>
        </xdr:cNvPr>
        <xdr:cNvPicPr/>
      </xdr:nvPicPr>
      <xdr:blipFill>
        <a:blip xmlns:r="http://schemas.openxmlformats.org/officeDocument/2006/relationships" r:embed="rId50" cstate="email">
          <a:extLst>
            <a:ext uri="{28A0092B-C50C-407E-A947-70E740481C1C}">
              <a14:useLocalDpi xmlns:a14="http://schemas.microsoft.com/office/drawing/2010/main"/>
            </a:ext>
          </a:extLst>
        </a:blip>
        <a:srcRect/>
        <a:stretch>
          <a:fillRect/>
        </a:stretch>
      </xdr:blipFill>
      <xdr:spPr>
        <a:xfrm>
          <a:off x="2645834" y="10466918"/>
          <a:ext cx="926041" cy="529166"/>
        </a:xfrm>
        <a:prstGeom prst="rect">
          <a:avLst/>
        </a:prstGeom>
      </xdr:spPr>
    </xdr:pic>
    <xdr:clientData/>
  </xdr:twoCellAnchor>
  <xdr:twoCellAnchor editAs="oneCell">
    <xdr:from>
      <xdr:col>2</xdr:col>
      <xdr:colOff>280458</xdr:colOff>
      <xdr:row>30</xdr:row>
      <xdr:rowOff>275166</xdr:rowOff>
    </xdr:from>
    <xdr:to>
      <xdr:col>2</xdr:col>
      <xdr:colOff>1005416</xdr:colOff>
      <xdr:row>31</xdr:row>
      <xdr:rowOff>167006</xdr:rowOff>
    </xdr:to>
    <xdr:pic>
      <xdr:nvPicPr>
        <xdr:cNvPr id="107" name="图片 5">
          <a:extLst>
            <a:ext uri="{FF2B5EF4-FFF2-40B4-BE49-F238E27FC236}">
              <a16:creationId xmlns:a16="http://schemas.microsoft.com/office/drawing/2014/main" id="{1685F76F-442A-407C-B2B2-99BF5AC39EA8}"/>
            </a:ext>
          </a:extLst>
        </xdr:cNvPr>
        <xdr:cNvPicPr>
          <a:picLocks noChangeAspect="1"/>
        </xdr:cNvPicPr>
      </xdr:nvPicPr>
      <xdr:blipFill rotWithShape="1">
        <a:blip xmlns:r="http://schemas.openxmlformats.org/officeDocument/2006/relationships" r:embed="rId51" cstate="email">
          <a:extLst>
            <a:ext uri="{28A0092B-C50C-407E-A947-70E740481C1C}">
              <a14:useLocalDpi xmlns:a14="http://schemas.microsoft.com/office/drawing/2010/main"/>
            </a:ext>
          </a:extLst>
        </a:blip>
        <a:srcRect/>
        <a:stretch/>
      </xdr:blipFill>
      <xdr:spPr>
        <a:xfrm>
          <a:off x="2746375" y="9662583"/>
          <a:ext cx="724958" cy="357506"/>
        </a:xfrm>
        <a:prstGeom prst="rect">
          <a:avLst/>
        </a:prstGeom>
      </xdr:spPr>
    </xdr:pic>
    <xdr:clientData/>
  </xdr:twoCellAnchor>
  <xdr:twoCellAnchor>
    <xdr:from>
      <xdr:col>2</xdr:col>
      <xdr:colOff>343959</xdr:colOff>
      <xdr:row>38</xdr:row>
      <xdr:rowOff>142874</xdr:rowOff>
    </xdr:from>
    <xdr:to>
      <xdr:col>2</xdr:col>
      <xdr:colOff>998644</xdr:colOff>
      <xdr:row>39</xdr:row>
      <xdr:rowOff>269874</xdr:rowOff>
    </xdr:to>
    <xdr:pic>
      <xdr:nvPicPr>
        <xdr:cNvPr id="108" name="Picture 4" descr="C:\Users\w06895\AppData\Local\Temp\ksohtml18524\wps2.jpg">
          <a:extLst>
            <a:ext uri="{FF2B5EF4-FFF2-40B4-BE49-F238E27FC236}">
              <a16:creationId xmlns:a16="http://schemas.microsoft.com/office/drawing/2014/main" id="{B5474051-1C2D-4025-BE12-17C59D5661D1}"/>
            </a:ext>
          </a:extLst>
        </xdr:cNvPr>
        <xdr:cNvPicPr>
          <a:picLocks noChangeAspect="1" noChangeArrowheads="1"/>
        </xdr:cNvPicPr>
      </xdr:nvPicPr>
      <xdr:blipFill>
        <a:blip xmlns:r="http://schemas.openxmlformats.org/officeDocument/2006/relationships" r:embed="rId52" cstate="email">
          <a:extLst>
            <a:ext uri="{28A0092B-C50C-407E-A947-70E740481C1C}">
              <a14:useLocalDpi xmlns:a14="http://schemas.microsoft.com/office/drawing/2010/main"/>
            </a:ext>
          </a:extLst>
        </a:blip>
        <a:srcRect/>
        <a:stretch>
          <a:fillRect/>
        </a:stretch>
      </xdr:blipFill>
      <xdr:spPr>
        <a:xfrm>
          <a:off x="2809876" y="27511374"/>
          <a:ext cx="654685" cy="5450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259292</xdr:colOff>
      <xdr:row>53</xdr:row>
      <xdr:rowOff>227541</xdr:rowOff>
    </xdr:from>
    <xdr:to>
      <xdr:col>2</xdr:col>
      <xdr:colOff>936625</xdr:colOff>
      <xdr:row>54</xdr:row>
      <xdr:rowOff>311609</xdr:rowOff>
    </xdr:to>
    <xdr:pic>
      <xdr:nvPicPr>
        <xdr:cNvPr id="109" name="Picture 4" descr="C:\Users\w06895\AppData\Local\Temp\ksohtml18524\wps2.jpg">
          <a:extLst>
            <a:ext uri="{FF2B5EF4-FFF2-40B4-BE49-F238E27FC236}">
              <a16:creationId xmlns:a16="http://schemas.microsoft.com/office/drawing/2014/main" id="{BEC4A2D7-0B6A-4E95-8B89-024B1FE5B5BE}"/>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a:ext>
          </a:extLst>
        </a:blip>
        <a:srcRect/>
        <a:stretch>
          <a:fillRect/>
        </a:stretch>
      </xdr:blipFill>
      <xdr:spPr>
        <a:xfrm>
          <a:off x="2725209" y="31480124"/>
          <a:ext cx="677333" cy="69261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90500</xdr:colOff>
      <xdr:row>82</xdr:row>
      <xdr:rowOff>164040</xdr:rowOff>
    </xdr:from>
    <xdr:to>
      <xdr:col>2</xdr:col>
      <xdr:colOff>1037537</xdr:colOff>
      <xdr:row>82</xdr:row>
      <xdr:rowOff>529201</xdr:rowOff>
    </xdr:to>
    <xdr:pic>
      <xdr:nvPicPr>
        <xdr:cNvPr id="111" name="图片 54">
          <a:extLst>
            <a:ext uri="{FF2B5EF4-FFF2-40B4-BE49-F238E27FC236}">
              <a16:creationId xmlns:a16="http://schemas.microsoft.com/office/drawing/2014/main" id="{3DEB18F9-4D2C-4349-98E2-FE84E2FEF8F8}"/>
            </a:ext>
          </a:extLst>
        </xdr:cNvPr>
        <xdr:cNvPicPr/>
      </xdr:nvPicPr>
      <xdr:blipFill rotWithShape="1">
        <a:blip xmlns:r="http://schemas.openxmlformats.org/officeDocument/2006/relationships" r:embed="rId54" cstate="email">
          <a:extLst>
            <a:ext uri="{28A0092B-C50C-407E-A947-70E740481C1C}">
              <a14:useLocalDpi xmlns:a14="http://schemas.microsoft.com/office/drawing/2010/main"/>
            </a:ext>
          </a:extLst>
        </a:blip>
        <a:srcRect/>
        <a:stretch/>
      </xdr:blipFill>
      <xdr:spPr bwMode="auto">
        <a:xfrm>
          <a:off x="2656417" y="39248290"/>
          <a:ext cx="847037" cy="365161"/>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206374</xdr:colOff>
      <xdr:row>63</xdr:row>
      <xdr:rowOff>95249</xdr:rowOff>
    </xdr:from>
    <xdr:to>
      <xdr:col>2</xdr:col>
      <xdr:colOff>1037537</xdr:colOff>
      <xdr:row>63</xdr:row>
      <xdr:rowOff>460411</xdr:rowOff>
    </xdr:to>
    <xdr:pic>
      <xdr:nvPicPr>
        <xdr:cNvPr id="112" name="图片 54">
          <a:extLst>
            <a:ext uri="{FF2B5EF4-FFF2-40B4-BE49-F238E27FC236}">
              <a16:creationId xmlns:a16="http://schemas.microsoft.com/office/drawing/2014/main" id="{347841A2-D85D-4765-A02E-111BC85C1B40}"/>
            </a:ext>
          </a:extLst>
        </xdr:cNvPr>
        <xdr:cNvPicPr/>
      </xdr:nvPicPr>
      <xdr:blipFill rotWithShape="1">
        <a:blip xmlns:r="http://schemas.openxmlformats.org/officeDocument/2006/relationships" r:embed="rId55" cstate="email">
          <a:extLst>
            <a:ext uri="{28A0092B-C50C-407E-A947-70E740481C1C}">
              <a14:useLocalDpi xmlns:a14="http://schemas.microsoft.com/office/drawing/2010/main"/>
            </a:ext>
          </a:extLst>
        </a:blip>
        <a:srcRect/>
        <a:stretch/>
      </xdr:blipFill>
      <xdr:spPr bwMode="auto">
        <a:xfrm>
          <a:off x="2672291" y="36184416"/>
          <a:ext cx="831163" cy="365162"/>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398824</xdr:colOff>
      <xdr:row>85</xdr:row>
      <xdr:rowOff>41499</xdr:rowOff>
    </xdr:from>
    <xdr:to>
      <xdr:col>2</xdr:col>
      <xdr:colOff>868947</xdr:colOff>
      <xdr:row>85</xdr:row>
      <xdr:rowOff>501316</xdr:rowOff>
    </xdr:to>
    <xdr:pic>
      <xdr:nvPicPr>
        <xdr:cNvPr id="113" name="图片 56">
          <a:extLst>
            <a:ext uri="{FF2B5EF4-FFF2-40B4-BE49-F238E27FC236}">
              <a16:creationId xmlns:a16="http://schemas.microsoft.com/office/drawing/2014/main" id="{E637FB01-B9A5-4174-9A09-4B965AD4308B}"/>
            </a:ext>
          </a:extLst>
        </xdr:cNvPr>
        <xdr:cNvPicPr/>
      </xdr:nvPicPr>
      <xdr:blipFill rotWithShape="1">
        <a:blip xmlns:r="http://schemas.openxmlformats.org/officeDocument/2006/relationships" r:embed="rId56" cstate="email">
          <a:extLst>
            <a:ext uri="{28A0092B-C50C-407E-A947-70E740481C1C}">
              <a14:useLocalDpi xmlns:a14="http://schemas.microsoft.com/office/drawing/2010/main"/>
            </a:ext>
          </a:extLst>
        </a:blip>
        <a:srcRect/>
        <a:stretch/>
      </xdr:blipFill>
      <xdr:spPr bwMode="auto">
        <a:xfrm>
          <a:off x="3930315" y="47009218"/>
          <a:ext cx="470123" cy="459817"/>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381000</xdr:colOff>
      <xdr:row>66</xdr:row>
      <xdr:rowOff>47624</xdr:rowOff>
    </xdr:from>
    <xdr:to>
      <xdr:col>2</xdr:col>
      <xdr:colOff>883185</xdr:colOff>
      <xdr:row>66</xdr:row>
      <xdr:rowOff>534533</xdr:rowOff>
    </xdr:to>
    <xdr:pic>
      <xdr:nvPicPr>
        <xdr:cNvPr id="114" name="图片 57">
          <a:extLst>
            <a:ext uri="{FF2B5EF4-FFF2-40B4-BE49-F238E27FC236}">
              <a16:creationId xmlns:a16="http://schemas.microsoft.com/office/drawing/2014/main" id="{F021E7BC-6A10-4AE8-A9F4-FD854AEE43B8}"/>
            </a:ext>
          </a:extLst>
        </xdr:cNvPr>
        <xdr:cNvPicPr/>
      </xdr:nvPicPr>
      <xdr:blipFill rotWithShape="1">
        <a:blip xmlns:r="http://schemas.openxmlformats.org/officeDocument/2006/relationships" r:embed="rId57" cstate="email">
          <a:extLst>
            <a:ext uri="{28A0092B-C50C-407E-A947-70E740481C1C}">
              <a14:useLocalDpi xmlns:a14="http://schemas.microsoft.com/office/drawing/2010/main"/>
            </a:ext>
          </a:extLst>
        </a:blip>
        <a:srcRect/>
        <a:stretch/>
      </xdr:blipFill>
      <xdr:spPr bwMode="auto">
        <a:xfrm>
          <a:off x="2846917" y="43852041"/>
          <a:ext cx="502185" cy="486909"/>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333653</xdr:colOff>
      <xdr:row>84</xdr:row>
      <xdr:rowOff>57094</xdr:rowOff>
    </xdr:from>
    <xdr:to>
      <xdr:col>2</xdr:col>
      <xdr:colOff>857528</xdr:colOff>
      <xdr:row>84</xdr:row>
      <xdr:rowOff>591627</xdr:rowOff>
    </xdr:to>
    <xdr:pic>
      <xdr:nvPicPr>
        <xdr:cNvPr id="115" name="图片 57">
          <a:extLst>
            <a:ext uri="{FF2B5EF4-FFF2-40B4-BE49-F238E27FC236}">
              <a16:creationId xmlns:a16="http://schemas.microsoft.com/office/drawing/2014/main" id="{12593088-D121-4A7D-A59D-4A6A326B3078}"/>
            </a:ext>
          </a:extLst>
        </xdr:cNvPr>
        <xdr:cNvPicPr/>
      </xdr:nvPicPr>
      <xdr:blipFill rotWithShape="1">
        <a:blip xmlns:r="http://schemas.openxmlformats.org/officeDocument/2006/relationships" r:embed="rId58" cstate="email">
          <a:extLst>
            <a:ext uri="{28A0092B-C50C-407E-A947-70E740481C1C}">
              <a14:useLocalDpi xmlns:a14="http://schemas.microsoft.com/office/drawing/2010/main"/>
            </a:ext>
          </a:extLst>
        </a:blip>
        <a:srcRect/>
        <a:stretch/>
      </xdr:blipFill>
      <xdr:spPr bwMode="auto">
        <a:xfrm>
          <a:off x="3865144" y="47197489"/>
          <a:ext cx="523875" cy="534533"/>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89960</xdr:colOff>
      <xdr:row>64</xdr:row>
      <xdr:rowOff>5292</xdr:rowOff>
    </xdr:from>
    <xdr:to>
      <xdr:col>2</xdr:col>
      <xdr:colOff>1137710</xdr:colOff>
      <xdr:row>64</xdr:row>
      <xdr:rowOff>513292</xdr:rowOff>
    </xdr:to>
    <xdr:pic>
      <xdr:nvPicPr>
        <xdr:cNvPr id="116" name="图片 16">
          <a:extLst>
            <a:ext uri="{FF2B5EF4-FFF2-40B4-BE49-F238E27FC236}">
              <a16:creationId xmlns:a16="http://schemas.microsoft.com/office/drawing/2014/main" id="{711E9898-4102-4D8A-9CB8-381187CFBBD4}"/>
            </a:ext>
          </a:extLst>
        </xdr:cNvPr>
        <xdr:cNvPicPr/>
      </xdr:nvPicPr>
      <xdr:blipFill rotWithShape="1">
        <a:blip xmlns:r="http://schemas.openxmlformats.org/officeDocument/2006/relationships" r:embed="rId59" cstate="email">
          <a:extLst>
            <a:ext uri="{28A0092B-C50C-407E-A947-70E740481C1C}">
              <a14:useLocalDpi xmlns:a14="http://schemas.microsoft.com/office/drawing/2010/main"/>
            </a:ext>
          </a:extLst>
        </a:blip>
        <a:srcRect/>
        <a:stretch/>
      </xdr:blipFill>
      <xdr:spPr bwMode="auto">
        <a:xfrm>
          <a:off x="2555877" y="36671250"/>
          <a:ext cx="1047750" cy="508000"/>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153458</xdr:colOff>
      <xdr:row>89</xdr:row>
      <xdr:rowOff>79374</xdr:rowOff>
    </xdr:from>
    <xdr:to>
      <xdr:col>2</xdr:col>
      <xdr:colOff>1116541</xdr:colOff>
      <xdr:row>89</xdr:row>
      <xdr:rowOff>808015</xdr:rowOff>
    </xdr:to>
    <xdr:pic>
      <xdr:nvPicPr>
        <xdr:cNvPr id="117" name="图片 18" descr="\\info-server\国内支撑平台\前端IPC\渲染图\枪机\56枪\5641\5641枪机-FL.png">
          <a:extLst>
            <a:ext uri="{FF2B5EF4-FFF2-40B4-BE49-F238E27FC236}">
              <a16:creationId xmlns:a16="http://schemas.microsoft.com/office/drawing/2014/main" id="{13A98BDD-CDCD-48D6-8D13-CF4AF713DFC0}"/>
            </a:ext>
          </a:extLst>
        </xdr:cNvPr>
        <xdr:cNvPicPr/>
      </xdr:nvPicPr>
      <xdr:blipFill rotWithShape="1">
        <a:blip xmlns:r="http://schemas.openxmlformats.org/officeDocument/2006/relationships" r:embed="rId60" cstate="email">
          <a:extLst>
            <a:ext uri="{28A0092B-C50C-407E-A947-70E740481C1C}">
              <a14:useLocalDpi xmlns:a14="http://schemas.microsoft.com/office/drawing/2010/main"/>
            </a:ext>
          </a:extLst>
        </a:blip>
        <a:srcRect/>
        <a:stretch/>
      </xdr:blipFill>
      <xdr:spPr bwMode="auto">
        <a:xfrm>
          <a:off x="2619375" y="52683832"/>
          <a:ext cx="963083" cy="728641"/>
        </a:xfrm>
        <a:prstGeom prst="rect">
          <a:avLst/>
        </a:prstGeom>
        <a:noFill/>
        <a:ln>
          <a:noFill/>
        </a:ln>
        <a:extLst>
          <a:ext uri="{53640926-AAD7-44D8-BBD7-CCE9431645EC}">
            <a14:shadowObscured xmlns:a14="http://schemas.microsoft.com/office/drawing/2010/main"/>
          </a:ext>
        </a:extLst>
      </xdr:spPr>
    </xdr:pic>
    <xdr:clientData/>
  </xdr:twoCellAnchor>
  <xdr:oneCellAnchor>
    <xdr:from>
      <xdr:col>2</xdr:col>
      <xdr:colOff>317500</xdr:colOff>
      <xdr:row>92</xdr:row>
      <xdr:rowOff>74083</xdr:rowOff>
    </xdr:from>
    <xdr:ext cx="658127" cy="386292"/>
    <xdr:pic>
      <xdr:nvPicPr>
        <xdr:cNvPr id="118" name="图片 15">
          <a:extLst>
            <a:ext uri="{FF2B5EF4-FFF2-40B4-BE49-F238E27FC236}">
              <a16:creationId xmlns:a16="http://schemas.microsoft.com/office/drawing/2014/main" id="{75C9378A-F23B-4E6E-A6ED-9A06181190EF}"/>
            </a:ext>
          </a:extLst>
        </xdr:cNvPr>
        <xdr:cNvPicPr>
          <a:picLocks noChangeAspect="1"/>
        </xdr:cNvPicPr>
      </xdr:nvPicPr>
      <xdr:blipFill>
        <a:blip xmlns:r="http://schemas.openxmlformats.org/officeDocument/2006/relationships" r:embed="rId61" cstate="email">
          <a:extLst>
            <a:ext uri="{28A0092B-C50C-407E-A947-70E740481C1C}">
              <a14:useLocalDpi xmlns:a14="http://schemas.microsoft.com/office/drawing/2010/main"/>
            </a:ext>
          </a:extLst>
        </a:blip>
        <a:stretch>
          <a:fillRect/>
        </a:stretch>
      </xdr:blipFill>
      <xdr:spPr>
        <a:xfrm>
          <a:off x="2783417" y="54885166"/>
          <a:ext cx="658127" cy="386292"/>
        </a:xfrm>
        <a:prstGeom prst="rect">
          <a:avLst/>
        </a:prstGeom>
      </xdr:spPr>
    </xdr:pic>
    <xdr:clientData/>
  </xdr:oneCellAnchor>
  <xdr:oneCellAnchor>
    <xdr:from>
      <xdr:col>2</xdr:col>
      <xdr:colOff>333376</xdr:colOff>
      <xdr:row>93</xdr:row>
      <xdr:rowOff>63501</xdr:rowOff>
    </xdr:from>
    <xdr:ext cx="694188" cy="407458"/>
    <xdr:pic>
      <xdr:nvPicPr>
        <xdr:cNvPr id="119" name="图片 14">
          <a:extLst>
            <a:ext uri="{FF2B5EF4-FFF2-40B4-BE49-F238E27FC236}">
              <a16:creationId xmlns:a16="http://schemas.microsoft.com/office/drawing/2014/main" id="{F5461997-7E0F-4E09-BD0C-B7997DFE79DB}"/>
            </a:ext>
          </a:extLst>
        </xdr:cNvPr>
        <xdr:cNvPicPr>
          <a:picLocks noChangeAspect="1"/>
        </xdr:cNvPicPr>
      </xdr:nvPicPr>
      <xdr:blipFill>
        <a:blip xmlns:r="http://schemas.openxmlformats.org/officeDocument/2006/relationships" r:embed="rId62" cstate="email">
          <a:extLst>
            <a:ext uri="{28A0092B-C50C-407E-A947-70E740481C1C}">
              <a14:useLocalDpi xmlns:a14="http://schemas.microsoft.com/office/drawing/2010/main"/>
            </a:ext>
          </a:extLst>
        </a:blip>
        <a:stretch>
          <a:fillRect/>
        </a:stretch>
      </xdr:blipFill>
      <xdr:spPr>
        <a:xfrm>
          <a:off x="2799293" y="55451376"/>
          <a:ext cx="694188" cy="407458"/>
        </a:xfrm>
        <a:prstGeom prst="rect">
          <a:avLst/>
        </a:prstGeom>
      </xdr:spPr>
    </xdr:pic>
    <xdr:clientData/>
  </xdr:oneCellAnchor>
  <xdr:twoCellAnchor editAs="oneCell">
    <xdr:from>
      <xdr:col>2</xdr:col>
      <xdr:colOff>66564</xdr:colOff>
      <xdr:row>69</xdr:row>
      <xdr:rowOff>177968</xdr:rowOff>
    </xdr:from>
    <xdr:to>
      <xdr:col>3</xdr:col>
      <xdr:colOff>3557</xdr:colOff>
      <xdr:row>71</xdr:row>
      <xdr:rowOff>25903</xdr:rowOff>
    </xdr:to>
    <xdr:pic>
      <xdr:nvPicPr>
        <xdr:cNvPr id="121" name="图片 36">
          <a:extLst>
            <a:ext uri="{FF2B5EF4-FFF2-40B4-BE49-F238E27FC236}">
              <a16:creationId xmlns:a16="http://schemas.microsoft.com/office/drawing/2014/main" id="{115DC392-FE8B-423E-9DE3-8E89ED262344}"/>
            </a:ext>
          </a:extLst>
        </xdr:cNvPr>
        <xdr:cNvPicPr>
          <a:picLocks noChangeAspect="1"/>
        </xdr:cNvPicPr>
      </xdr:nvPicPr>
      <xdr:blipFill>
        <a:blip xmlns:r="http://schemas.openxmlformats.org/officeDocument/2006/relationships" r:embed="rId63" cstate="email">
          <a:extLst>
            <a:ext uri="{BEBA8EAE-BF5A-486C-A8C5-ECC9F3942E4B}">
              <a14:imgProps xmlns:a14="http://schemas.microsoft.com/office/drawing/2010/main">
                <a14:imgLayer r:embed="rId64">
                  <a14:imgEffect>
                    <a14:backgroundRemoval t="10000" b="90000" l="10000" r="90000">
                      <a14:foregroundMark x1="40100" y1="51232" x2="67667" y2="51816"/>
                      <a14:foregroundMark x1="49100" y1="43191" x2="35200" y2="40532"/>
                      <a14:foregroundMark x1="56400" y1="43450" x2="36267" y2="36641"/>
                      <a14:foregroundMark x1="55633" y1="37549" x2="32467" y2="31582"/>
                      <a14:foregroundMark x1="71033" y1="45590" x2="71633" y2="56615"/>
                      <a14:foregroundMark x1="72100" y1="51816" x2="69500" y2="41375"/>
                      <a14:foregroundMark x1="72400" y1="50324" x2="68900" y2="39624"/>
                      <a14:foregroundMark x1="67367" y1="36641" x2="70900" y2="43450"/>
                      <a14:foregroundMark x1="67667" y1="36900" x2="65400" y2="36641"/>
                      <a14:foregroundMark x1="71500" y1="44099" x2="72567" y2="52983"/>
                      <a14:foregroundMark x1="71967" y1="45850" x2="72267" y2="52724"/>
                    </a14:backgroundRemoval>
                  </a14:imgEffect>
                </a14:imgLayer>
              </a14:imgProps>
            </a:ext>
            <a:ext uri="{28A0092B-C50C-407E-A947-70E740481C1C}">
              <a14:useLocalDpi xmlns:a14="http://schemas.microsoft.com/office/drawing/2010/main"/>
            </a:ext>
          </a:extLst>
        </a:blip>
        <a:stretch>
          <a:fillRect/>
        </a:stretch>
      </xdr:blipFill>
      <xdr:spPr>
        <a:xfrm>
          <a:off x="3598055" y="36673757"/>
          <a:ext cx="1200977" cy="611049"/>
        </a:xfrm>
        <a:prstGeom prst="rect">
          <a:avLst/>
        </a:prstGeom>
      </xdr:spPr>
    </xdr:pic>
    <xdr:clientData/>
  </xdr:twoCellAnchor>
  <xdr:twoCellAnchor editAs="oneCell">
    <xdr:from>
      <xdr:col>2</xdr:col>
      <xdr:colOff>105833</xdr:colOff>
      <xdr:row>49</xdr:row>
      <xdr:rowOff>167105</xdr:rowOff>
    </xdr:from>
    <xdr:to>
      <xdr:col>2</xdr:col>
      <xdr:colOff>1147980</xdr:colOff>
      <xdr:row>50</xdr:row>
      <xdr:rowOff>337883</xdr:rowOff>
    </xdr:to>
    <xdr:pic>
      <xdr:nvPicPr>
        <xdr:cNvPr id="122" name="图片 1">
          <a:extLst>
            <a:ext uri="{FF2B5EF4-FFF2-40B4-BE49-F238E27FC236}">
              <a16:creationId xmlns:a16="http://schemas.microsoft.com/office/drawing/2014/main" id="{EDB8A177-DBC8-4076-9507-62BC388B5D53}"/>
            </a:ext>
          </a:extLst>
        </xdr:cNvPr>
        <xdr:cNvPicPr>
          <a:picLocks noChangeAspect="1"/>
        </xdr:cNvPicPr>
      </xdr:nvPicPr>
      <xdr:blipFill rotWithShape="1">
        <a:blip xmlns:r="http://schemas.openxmlformats.org/officeDocument/2006/relationships" r:embed="rId65" cstate="email">
          <a:extLst>
            <a:ext uri="{28A0092B-C50C-407E-A947-70E740481C1C}">
              <a14:useLocalDpi xmlns:a14="http://schemas.microsoft.com/office/drawing/2010/main"/>
            </a:ext>
          </a:extLst>
        </a:blip>
        <a:srcRect/>
        <a:stretch/>
      </xdr:blipFill>
      <xdr:spPr>
        <a:xfrm>
          <a:off x="3637324" y="27154605"/>
          <a:ext cx="1042147" cy="633104"/>
        </a:xfrm>
        <a:prstGeom prst="rect">
          <a:avLst/>
        </a:prstGeom>
      </xdr:spPr>
    </xdr:pic>
    <xdr:clientData/>
  </xdr:twoCellAnchor>
  <xdr:twoCellAnchor editAs="oneCell">
    <xdr:from>
      <xdr:col>2</xdr:col>
      <xdr:colOff>200528</xdr:colOff>
      <xdr:row>57</xdr:row>
      <xdr:rowOff>11140</xdr:rowOff>
    </xdr:from>
    <xdr:to>
      <xdr:col>2</xdr:col>
      <xdr:colOff>1153028</xdr:colOff>
      <xdr:row>57</xdr:row>
      <xdr:rowOff>551447</xdr:rowOff>
    </xdr:to>
    <xdr:pic>
      <xdr:nvPicPr>
        <xdr:cNvPr id="124" name="图片 17">
          <a:extLst>
            <a:ext uri="{FF2B5EF4-FFF2-40B4-BE49-F238E27FC236}">
              <a16:creationId xmlns:a16="http://schemas.microsoft.com/office/drawing/2014/main" id="{FD37BC42-4AC5-43CB-AAAB-16D5E3B5922B}"/>
            </a:ext>
          </a:extLst>
        </xdr:cNvPr>
        <xdr:cNvPicPr/>
      </xdr:nvPicPr>
      <xdr:blipFill>
        <a:blip xmlns:r="http://schemas.openxmlformats.org/officeDocument/2006/relationships" r:embed="rId66" cstate="email">
          <a:extLst>
            <a:ext uri="{28A0092B-C50C-407E-A947-70E740481C1C}">
              <a14:useLocalDpi xmlns:a14="http://schemas.microsoft.com/office/drawing/2010/main"/>
            </a:ext>
          </a:extLst>
        </a:blip>
        <a:stretch>
          <a:fillRect/>
        </a:stretch>
      </xdr:blipFill>
      <xdr:spPr>
        <a:xfrm>
          <a:off x="3732019" y="31237544"/>
          <a:ext cx="952500" cy="540307"/>
        </a:xfrm>
        <a:prstGeom prst="rect">
          <a:avLst/>
        </a:prstGeom>
      </xdr:spPr>
    </xdr:pic>
    <xdr:clientData/>
  </xdr:twoCellAnchor>
  <xdr:twoCellAnchor editAs="oneCell">
    <xdr:from>
      <xdr:col>2</xdr:col>
      <xdr:colOff>373202</xdr:colOff>
      <xdr:row>67</xdr:row>
      <xdr:rowOff>105834</xdr:rowOff>
    </xdr:from>
    <xdr:to>
      <xdr:col>2</xdr:col>
      <xdr:colOff>843325</xdr:colOff>
      <xdr:row>67</xdr:row>
      <xdr:rowOff>565651</xdr:rowOff>
    </xdr:to>
    <xdr:pic>
      <xdr:nvPicPr>
        <xdr:cNvPr id="125" name="图片 56">
          <a:extLst>
            <a:ext uri="{FF2B5EF4-FFF2-40B4-BE49-F238E27FC236}">
              <a16:creationId xmlns:a16="http://schemas.microsoft.com/office/drawing/2014/main" id="{355F8B28-C722-4BFD-B56F-71296C13E27A}"/>
            </a:ext>
          </a:extLst>
        </xdr:cNvPr>
        <xdr:cNvPicPr/>
      </xdr:nvPicPr>
      <xdr:blipFill rotWithShape="1">
        <a:blip xmlns:r="http://schemas.openxmlformats.org/officeDocument/2006/relationships" r:embed="rId56" cstate="email">
          <a:extLst>
            <a:ext uri="{28A0092B-C50C-407E-A947-70E740481C1C}">
              <a14:useLocalDpi xmlns:a14="http://schemas.microsoft.com/office/drawing/2010/main"/>
            </a:ext>
          </a:extLst>
        </a:blip>
        <a:srcRect/>
        <a:stretch/>
      </xdr:blipFill>
      <xdr:spPr bwMode="auto">
        <a:xfrm>
          <a:off x="3904693" y="46355001"/>
          <a:ext cx="470123" cy="459817"/>
        </a:xfrm>
        <a:prstGeom prst="rect">
          <a:avLst/>
        </a:prstGeom>
        <a:noFill/>
        <a:ln>
          <a:noFill/>
        </a:ln>
        <a:extLst>
          <a:ext uri="{53640926-AAD7-44D8-BBD7-CCE9431645EC}">
            <a14:shadowObscured xmlns:a14="http://schemas.microsoft.com/office/drawing/2010/main"/>
          </a:ext>
        </a:extLst>
      </xdr:spPr>
    </xdr:pic>
    <xdr:clientData/>
  </xdr:twoCellAnchor>
  <xdr:oneCellAnchor>
    <xdr:from>
      <xdr:col>2</xdr:col>
      <xdr:colOff>350921</xdr:colOff>
      <xdr:row>68</xdr:row>
      <xdr:rowOff>38992</xdr:rowOff>
    </xdr:from>
    <xdr:ext cx="584200" cy="457200"/>
    <xdr:pic>
      <xdr:nvPicPr>
        <xdr:cNvPr id="126" name="图片 1">
          <a:extLst>
            <a:ext uri="{FF2B5EF4-FFF2-40B4-BE49-F238E27FC236}">
              <a16:creationId xmlns:a16="http://schemas.microsoft.com/office/drawing/2014/main" id="{F54C47DA-3983-492E-B6F3-75FB0958E99F}"/>
            </a:ext>
          </a:extLst>
        </xdr:cNvPr>
        <xdr:cNvPicPr/>
      </xdr:nvPicPr>
      <xdr:blipFill>
        <a:blip xmlns:r="http://schemas.openxmlformats.org/officeDocument/2006/relationships" r:embed="rId34" cstate="email">
          <a:extLst>
            <a:ext uri="{28A0092B-C50C-407E-A947-70E740481C1C}">
              <a14:useLocalDpi xmlns:a14="http://schemas.microsoft.com/office/drawing/2010/main"/>
            </a:ext>
          </a:extLst>
        </a:blip>
        <a:srcRect/>
        <a:stretch>
          <a:fillRect/>
        </a:stretch>
      </xdr:blipFill>
      <xdr:spPr>
        <a:xfrm>
          <a:off x="3882412" y="48009343"/>
          <a:ext cx="584200" cy="457200"/>
        </a:xfrm>
        <a:prstGeom prst="rect">
          <a:avLst/>
        </a:prstGeom>
        <a:noFill/>
        <a:ln>
          <a:noFill/>
        </a:ln>
      </xdr:spPr>
    </xdr:pic>
    <xdr:clientData/>
  </xdr:oneCellAnchor>
  <xdr:oneCellAnchor>
    <xdr:from>
      <xdr:col>2</xdr:col>
      <xdr:colOff>362062</xdr:colOff>
      <xdr:row>26</xdr:row>
      <xdr:rowOff>200527</xdr:rowOff>
    </xdr:from>
    <xdr:ext cx="549087" cy="493423"/>
    <xdr:pic>
      <xdr:nvPicPr>
        <xdr:cNvPr id="127" name="图片 66" descr="C:\Users\z05278\AppData\Local\Temp\HZ$D.816.4385\E2.26副本.png">
          <a:extLst>
            <a:ext uri="{FF2B5EF4-FFF2-40B4-BE49-F238E27FC236}">
              <a16:creationId xmlns:a16="http://schemas.microsoft.com/office/drawing/2014/main" id="{ED4DF7B3-EE70-42BD-A4E4-DFC431CAA563}"/>
            </a:ext>
          </a:extLst>
        </xdr:cNvPr>
        <xdr:cNvPicPr/>
      </xdr:nvPicPr>
      <xdr:blipFill rotWithShape="1">
        <a:blip xmlns:r="http://schemas.openxmlformats.org/officeDocument/2006/relationships" r:embed="rId67" cstate="email">
          <a:extLst>
            <a:ext uri="{28A0092B-C50C-407E-A947-70E740481C1C}">
              <a14:useLocalDpi xmlns:a14="http://schemas.microsoft.com/office/drawing/2010/main"/>
            </a:ext>
          </a:extLst>
        </a:blip>
        <a:srcRect/>
        <a:stretch/>
      </xdr:blipFill>
      <xdr:spPr bwMode="auto">
        <a:xfrm>
          <a:off x="3893553" y="19144694"/>
          <a:ext cx="549087" cy="493423"/>
        </a:xfrm>
        <a:prstGeom prst="rect">
          <a:avLst/>
        </a:prstGeom>
        <a:noFill/>
        <a:ln>
          <a:noFill/>
        </a:ln>
        <a:extLst>
          <a:ext uri="{53640926-AAD7-44D8-BBD7-CCE9431645EC}">
            <a14:shadowObscured xmlns:a14="http://schemas.microsoft.com/office/drawing/2010/main"/>
          </a:ext>
        </a:extLst>
      </xdr:spPr>
    </xdr:pic>
    <xdr:clientData/>
  </xdr:oneCellAnchor>
  <xdr:twoCellAnchor>
    <xdr:from>
      <xdr:col>2</xdr:col>
      <xdr:colOff>217237</xdr:colOff>
      <xdr:row>22</xdr:row>
      <xdr:rowOff>272937</xdr:rowOff>
    </xdr:from>
    <xdr:to>
      <xdr:col>2</xdr:col>
      <xdr:colOff>1040990</xdr:colOff>
      <xdr:row>23</xdr:row>
      <xdr:rowOff>155965</xdr:rowOff>
    </xdr:to>
    <xdr:pic>
      <xdr:nvPicPr>
        <xdr:cNvPr id="128" name="图片 56" descr="IPC2124SS-ADF28(40)KM-FR">
          <a:extLst>
            <a:ext uri="{FF2B5EF4-FFF2-40B4-BE49-F238E27FC236}">
              <a16:creationId xmlns:a16="http://schemas.microsoft.com/office/drawing/2014/main" id="{54F068EC-32C1-4971-9B42-37341092FFA4}"/>
            </a:ext>
          </a:extLst>
        </xdr:cNvPr>
        <xdr:cNvPicPr>
          <a:picLocks noChangeAspect="1" noChangeArrowheads="1"/>
        </xdr:cNvPicPr>
      </xdr:nvPicPr>
      <xdr:blipFill>
        <a:blip xmlns:r="http://schemas.openxmlformats.org/officeDocument/2006/relationships" r:embed="rId68" cstate="email">
          <a:extLst>
            <a:ext uri="{28A0092B-C50C-407E-A947-70E740481C1C}">
              <a14:useLocalDpi xmlns:a14="http://schemas.microsoft.com/office/drawing/2010/main"/>
            </a:ext>
          </a:extLst>
        </a:blip>
        <a:srcRect/>
        <a:stretch>
          <a:fillRect/>
        </a:stretch>
      </xdr:blipFill>
      <xdr:spPr bwMode="auto">
        <a:xfrm>
          <a:off x="3748728" y="17367805"/>
          <a:ext cx="823753" cy="34535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339781</xdr:colOff>
      <xdr:row>24</xdr:row>
      <xdr:rowOff>217237</xdr:rowOff>
    </xdr:from>
    <xdr:ext cx="571499" cy="437589"/>
    <xdr:pic>
      <xdr:nvPicPr>
        <xdr:cNvPr id="129" name="图片 62" descr="\\Inforsrv-new\产品资料库\05-产品宣传彩页\英文版\01 IPC\01 IPC\3.Prime I\Dome\4MP\UNV IPC324SR3-DVPF28(40)-F\图片\-F半球_F.png">
          <a:extLst>
            <a:ext uri="{FF2B5EF4-FFF2-40B4-BE49-F238E27FC236}">
              <a16:creationId xmlns:a16="http://schemas.microsoft.com/office/drawing/2014/main" id="{F9BCC0B5-4D2A-4248-BA21-8DA01E1EE632}"/>
            </a:ext>
          </a:extLst>
        </xdr:cNvPr>
        <xdr:cNvPicPr/>
      </xdr:nvPicPr>
      <xdr:blipFill rotWithShape="1">
        <a:blip xmlns:r="http://schemas.openxmlformats.org/officeDocument/2006/relationships" r:embed="rId69" cstate="email">
          <a:extLst>
            <a:ext uri="{28A0092B-C50C-407E-A947-70E740481C1C}">
              <a14:useLocalDpi xmlns:a14="http://schemas.microsoft.com/office/drawing/2010/main"/>
            </a:ext>
          </a:extLst>
        </a:blip>
        <a:srcRect/>
        <a:stretch/>
      </xdr:blipFill>
      <xdr:spPr bwMode="auto">
        <a:xfrm>
          <a:off x="3871272" y="18236755"/>
          <a:ext cx="571499" cy="437589"/>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350921</xdr:colOff>
      <xdr:row>45</xdr:row>
      <xdr:rowOff>272938</xdr:rowOff>
    </xdr:from>
    <xdr:ext cx="571499" cy="437589"/>
    <xdr:pic>
      <xdr:nvPicPr>
        <xdr:cNvPr id="131" name="图片 74" descr="\\Inforsrv-new\产品资料库\05-产品宣传彩页\英文版\01 IPC\01 IPC\3.Prime I\Dome\4MP\UNV IPC324SR3-DVPF28(40)-F\图片\-F半球_F.png">
          <a:extLst>
            <a:ext uri="{FF2B5EF4-FFF2-40B4-BE49-F238E27FC236}">
              <a16:creationId xmlns:a16="http://schemas.microsoft.com/office/drawing/2014/main" id="{22FB0CA3-228A-4122-8CDC-9C1B03016158}"/>
            </a:ext>
          </a:extLst>
        </xdr:cNvPr>
        <xdr:cNvPicPr/>
      </xdr:nvPicPr>
      <xdr:blipFill rotWithShape="1">
        <a:blip xmlns:r="http://schemas.openxmlformats.org/officeDocument/2006/relationships" r:embed="rId69" cstate="email">
          <a:extLst>
            <a:ext uri="{28A0092B-C50C-407E-A947-70E740481C1C}">
              <a14:useLocalDpi xmlns:a14="http://schemas.microsoft.com/office/drawing/2010/main"/>
            </a:ext>
          </a:extLst>
        </a:blip>
        <a:srcRect/>
        <a:stretch/>
      </xdr:blipFill>
      <xdr:spPr bwMode="auto">
        <a:xfrm>
          <a:off x="3882412" y="28647412"/>
          <a:ext cx="571499" cy="437589"/>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395483</xdr:colOff>
      <xdr:row>47</xdr:row>
      <xdr:rowOff>222807</xdr:rowOff>
    </xdr:from>
    <xdr:ext cx="549087" cy="493423"/>
    <xdr:pic>
      <xdr:nvPicPr>
        <xdr:cNvPr id="132" name="图片 75" descr="C:\Users\z05278\AppData\Local\Temp\HZ$D.816.4385\E2.26副本.png">
          <a:extLst>
            <a:ext uri="{FF2B5EF4-FFF2-40B4-BE49-F238E27FC236}">
              <a16:creationId xmlns:a16="http://schemas.microsoft.com/office/drawing/2014/main" id="{EDF8DBCD-A8AA-4837-8907-E9B77477B198}"/>
            </a:ext>
          </a:extLst>
        </xdr:cNvPr>
        <xdr:cNvPicPr/>
      </xdr:nvPicPr>
      <xdr:blipFill rotWithShape="1">
        <a:blip xmlns:r="http://schemas.openxmlformats.org/officeDocument/2006/relationships" r:embed="rId67" cstate="email">
          <a:extLst>
            <a:ext uri="{28A0092B-C50C-407E-A947-70E740481C1C}">
              <a14:useLocalDpi xmlns:a14="http://schemas.microsoft.com/office/drawing/2010/main"/>
            </a:ext>
          </a:extLst>
        </a:blip>
        <a:srcRect/>
        <a:stretch/>
      </xdr:blipFill>
      <xdr:spPr bwMode="auto">
        <a:xfrm>
          <a:off x="3926974" y="29521930"/>
          <a:ext cx="549087" cy="493423"/>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89649</xdr:colOff>
      <xdr:row>78</xdr:row>
      <xdr:rowOff>83553</xdr:rowOff>
    </xdr:from>
    <xdr:ext cx="668421" cy="540307"/>
    <xdr:pic>
      <xdr:nvPicPr>
        <xdr:cNvPr id="136" name="图片 72" descr="IPC323x(1)">
          <a:extLst>
            <a:ext uri="{FF2B5EF4-FFF2-40B4-BE49-F238E27FC236}">
              <a16:creationId xmlns:a16="http://schemas.microsoft.com/office/drawing/2014/main" id="{003FD8FB-F531-474A-BEE7-2A067D042AA9}"/>
            </a:ext>
          </a:extLst>
        </xdr:cNvPr>
        <xdr:cNvPicPr/>
      </xdr:nvPicPr>
      <xdr:blipFill>
        <a:blip xmlns:r="http://schemas.openxmlformats.org/officeDocument/2006/relationships" r:embed="rId70" cstate="email">
          <a:extLst>
            <a:ext uri="{28A0092B-C50C-407E-A947-70E740481C1C}">
              <a14:useLocalDpi xmlns:a14="http://schemas.microsoft.com/office/drawing/2010/main"/>
            </a:ext>
          </a:extLst>
        </a:blip>
        <a:srcRect/>
        <a:stretch>
          <a:fillRect/>
        </a:stretch>
      </xdr:blipFill>
      <xdr:spPr>
        <a:xfrm>
          <a:off x="3821140" y="48566360"/>
          <a:ext cx="668421" cy="540307"/>
        </a:xfrm>
        <a:prstGeom prst="rect">
          <a:avLst/>
        </a:prstGeom>
        <a:ln>
          <a:noFill/>
        </a:ln>
      </xdr:spPr>
    </xdr:pic>
    <xdr:clientData/>
  </xdr:oneCellAnchor>
  <xdr:twoCellAnchor>
    <xdr:from>
      <xdr:col>2</xdr:col>
      <xdr:colOff>311930</xdr:colOff>
      <xdr:row>72</xdr:row>
      <xdr:rowOff>111403</xdr:rowOff>
    </xdr:from>
    <xdr:to>
      <xdr:col>2</xdr:col>
      <xdr:colOff>1045169</xdr:colOff>
      <xdr:row>72</xdr:row>
      <xdr:rowOff>460878</xdr:rowOff>
    </xdr:to>
    <xdr:pic>
      <xdr:nvPicPr>
        <xdr:cNvPr id="137" name="图片 69" descr="IPC2324SS-DZK-LF">
          <a:extLst>
            <a:ext uri="{FF2B5EF4-FFF2-40B4-BE49-F238E27FC236}">
              <a16:creationId xmlns:a16="http://schemas.microsoft.com/office/drawing/2014/main" id="{933C6E47-896A-4062-91AD-38A4716B9618}"/>
            </a:ext>
          </a:extLst>
        </xdr:cNvPr>
        <xdr:cNvPicPr>
          <a:picLocks noChangeAspect="1" noChangeArrowheads="1"/>
        </xdr:cNvPicPr>
      </xdr:nvPicPr>
      <xdr:blipFill>
        <a:blip xmlns:r="http://schemas.openxmlformats.org/officeDocument/2006/relationships" r:embed="rId71" cstate="email">
          <a:extLst>
            <a:ext uri="{28A0092B-C50C-407E-A947-70E740481C1C}">
              <a14:useLocalDpi xmlns:a14="http://schemas.microsoft.com/office/drawing/2010/main"/>
            </a:ext>
          </a:extLst>
        </a:blip>
        <a:srcRect/>
        <a:stretch>
          <a:fillRect/>
        </a:stretch>
      </xdr:blipFill>
      <xdr:spPr bwMode="auto">
        <a:xfrm>
          <a:off x="3843421" y="44845482"/>
          <a:ext cx="733239" cy="349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2</xdr:col>
      <xdr:colOff>367632</xdr:colOff>
      <xdr:row>73</xdr:row>
      <xdr:rowOff>50132</xdr:rowOff>
    </xdr:from>
    <xdr:ext cx="518027" cy="484605"/>
    <xdr:pic>
      <xdr:nvPicPr>
        <xdr:cNvPr id="138" name="图片 78" descr="方视窗海螺-F">
          <a:extLst>
            <a:ext uri="{FF2B5EF4-FFF2-40B4-BE49-F238E27FC236}">
              <a16:creationId xmlns:a16="http://schemas.microsoft.com/office/drawing/2014/main" id="{5A276404-D737-469B-85D0-579056A49BF6}"/>
            </a:ext>
          </a:extLst>
        </xdr:cNvPr>
        <xdr:cNvPicPr/>
      </xdr:nvPicPr>
      <xdr:blipFill>
        <a:blip xmlns:r="http://schemas.openxmlformats.org/officeDocument/2006/relationships" r:embed="rId72" cstate="email">
          <a:extLst>
            <a:ext uri="{28A0092B-C50C-407E-A947-70E740481C1C}">
              <a14:useLocalDpi xmlns:a14="http://schemas.microsoft.com/office/drawing/2010/main"/>
            </a:ext>
          </a:extLst>
        </a:blip>
        <a:srcRect/>
        <a:stretch>
          <a:fillRect/>
        </a:stretch>
      </xdr:blipFill>
      <xdr:spPr bwMode="auto">
        <a:xfrm>
          <a:off x="3899123" y="45363509"/>
          <a:ext cx="518027" cy="484605"/>
        </a:xfrm>
        <a:prstGeom prst="rect">
          <a:avLst/>
        </a:prstGeom>
        <a:noFill/>
        <a:ln>
          <a:noFill/>
        </a:ln>
      </xdr:spPr>
    </xdr:pic>
    <xdr:clientData/>
  </xdr:oneCellAnchor>
</xdr:wsDr>
</file>

<file path=xl/drawings/drawing10.xml><?xml version="1.0" encoding="utf-8"?>
<xdr:wsDr xmlns:xdr="http://schemas.openxmlformats.org/drawingml/2006/spreadsheetDrawing" xmlns:a="http://schemas.openxmlformats.org/drawingml/2006/main">
  <xdr:twoCellAnchor>
    <xdr:from>
      <xdr:col>2</xdr:col>
      <xdr:colOff>298788</xdr:colOff>
      <xdr:row>104</xdr:row>
      <xdr:rowOff>69850</xdr:rowOff>
    </xdr:from>
    <xdr:to>
      <xdr:col>2</xdr:col>
      <xdr:colOff>801779</xdr:colOff>
      <xdr:row>104</xdr:row>
      <xdr:rowOff>418947</xdr:rowOff>
    </xdr:to>
    <xdr:pic>
      <xdr:nvPicPr>
        <xdr:cNvPr id="2" name="图片 43">
          <a:extLst>
            <a:ext uri="{FF2B5EF4-FFF2-40B4-BE49-F238E27FC236}">
              <a16:creationId xmlns:a16="http://schemas.microsoft.com/office/drawing/2014/main" id="{2F9ABCB9-0ADC-43D5-A48A-F3AA19B1B985}"/>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2457788" y="32734250"/>
          <a:ext cx="502991" cy="349097"/>
        </a:xfrm>
        <a:prstGeom prst="rect">
          <a:avLst/>
        </a:prstGeom>
        <a:noFill/>
        <a:ln w="9525">
          <a:noFill/>
          <a:miter lim="800000"/>
          <a:headEnd/>
          <a:tailEnd/>
        </a:ln>
      </xdr:spPr>
    </xdr:pic>
    <xdr:clientData/>
  </xdr:twoCellAnchor>
  <xdr:twoCellAnchor>
    <xdr:from>
      <xdr:col>2</xdr:col>
      <xdr:colOff>330200</xdr:colOff>
      <xdr:row>32</xdr:row>
      <xdr:rowOff>292101</xdr:rowOff>
    </xdr:from>
    <xdr:to>
      <xdr:col>2</xdr:col>
      <xdr:colOff>943203</xdr:colOff>
      <xdr:row>33</xdr:row>
      <xdr:rowOff>254000</xdr:rowOff>
    </xdr:to>
    <xdr:pic>
      <xdr:nvPicPr>
        <xdr:cNvPr id="3" name="图片 43">
          <a:extLst>
            <a:ext uri="{FF2B5EF4-FFF2-40B4-BE49-F238E27FC236}">
              <a16:creationId xmlns:a16="http://schemas.microsoft.com/office/drawing/2014/main" id="{118DFBC3-D33F-46F5-80F7-17DD3A545744}"/>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a:off x="2489200" y="13658851"/>
          <a:ext cx="613003" cy="425449"/>
        </a:xfrm>
        <a:prstGeom prst="rect">
          <a:avLst/>
        </a:prstGeom>
        <a:noFill/>
        <a:ln w="9525">
          <a:noFill/>
          <a:miter lim="800000"/>
          <a:headEnd/>
          <a:tailEnd/>
        </a:ln>
      </xdr:spPr>
    </xdr:pic>
    <xdr:clientData/>
  </xdr:twoCellAnchor>
  <xdr:twoCellAnchor editAs="oneCell">
    <xdr:from>
      <xdr:col>2</xdr:col>
      <xdr:colOff>352425</xdr:colOff>
      <xdr:row>170</xdr:row>
      <xdr:rowOff>44450</xdr:rowOff>
    </xdr:from>
    <xdr:to>
      <xdr:col>2</xdr:col>
      <xdr:colOff>796029</xdr:colOff>
      <xdr:row>173</xdr:row>
      <xdr:rowOff>2116</xdr:rowOff>
    </xdr:to>
    <xdr:pic>
      <xdr:nvPicPr>
        <xdr:cNvPr id="17" name="图片 6">
          <a:extLst>
            <a:ext uri="{FF2B5EF4-FFF2-40B4-BE49-F238E27FC236}">
              <a16:creationId xmlns:a16="http://schemas.microsoft.com/office/drawing/2014/main" id="{B9A757CE-5B35-443A-A6D1-BE456AA075F0}"/>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2511425" y="42995850"/>
          <a:ext cx="443604" cy="508000"/>
        </a:xfrm>
        <a:prstGeom prst="rect">
          <a:avLst/>
        </a:prstGeom>
      </xdr:spPr>
    </xdr:pic>
    <xdr:clientData/>
  </xdr:twoCellAnchor>
  <xdr:oneCellAnchor>
    <xdr:from>
      <xdr:col>2</xdr:col>
      <xdr:colOff>303389</xdr:colOff>
      <xdr:row>35</xdr:row>
      <xdr:rowOff>265995</xdr:rowOff>
    </xdr:from>
    <xdr:ext cx="647640" cy="486480"/>
    <xdr:pic>
      <xdr:nvPicPr>
        <xdr:cNvPr id="47" name="图片 5">
          <a:extLst>
            <a:ext uri="{FF2B5EF4-FFF2-40B4-BE49-F238E27FC236}">
              <a16:creationId xmlns:a16="http://schemas.microsoft.com/office/drawing/2014/main" id="{52CAB3A4-A71A-4AEE-93BC-341C74B5E8EC}"/>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2462389" y="15448845"/>
          <a:ext cx="647640" cy="486480"/>
        </a:xfrm>
        <a:prstGeom prst="rect">
          <a:avLst/>
        </a:prstGeom>
        <a:ln>
          <a:noFill/>
        </a:ln>
      </xdr:spPr>
    </xdr:pic>
    <xdr:clientData/>
  </xdr:oneCellAnchor>
  <xdr:oneCellAnchor>
    <xdr:from>
      <xdr:col>2</xdr:col>
      <xdr:colOff>327377</xdr:colOff>
      <xdr:row>37</xdr:row>
      <xdr:rowOff>235304</xdr:rowOff>
    </xdr:from>
    <xdr:ext cx="605075" cy="545746"/>
    <xdr:pic>
      <xdr:nvPicPr>
        <xdr:cNvPr id="48" name="图片 4">
          <a:extLst>
            <a:ext uri="{FF2B5EF4-FFF2-40B4-BE49-F238E27FC236}">
              <a16:creationId xmlns:a16="http://schemas.microsoft.com/office/drawing/2014/main" id="{E9C133D5-A359-49EE-B051-AD05D8448C24}"/>
            </a:ext>
          </a:extLst>
        </xdr:cNvPr>
        <xdr:cNvPicPr>
          <a:picLocks noChangeAspect="1"/>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2486377" y="16408754"/>
          <a:ext cx="605075" cy="545746"/>
        </a:xfrm>
        <a:prstGeom prst="rect">
          <a:avLst/>
        </a:prstGeom>
        <a:ln>
          <a:noFill/>
        </a:ln>
      </xdr:spPr>
    </xdr:pic>
    <xdr:clientData/>
  </xdr:oneCellAnchor>
  <xdr:twoCellAnchor>
    <xdr:from>
      <xdr:col>2</xdr:col>
      <xdr:colOff>69693</xdr:colOff>
      <xdr:row>19</xdr:row>
      <xdr:rowOff>246943</xdr:rowOff>
    </xdr:from>
    <xdr:to>
      <xdr:col>2</xdr:col>
      <xdr:colOff>1146889</xdr:colOff>
      <xdr:row>20</xdr:row>
      <xdr:rowOff>361591</xdr:rowOff>
    </xdr:to>
    <xdr:pic>
      <xdr:nvPicPr>
        <xdr:cNvPr id="55" name="图片 11">
          <a:extLst>
            <a:ext uri="{FF2B5EF4-FFF2-40B4-BE49-F238E27FC236}">
              <a16:creationId xmlns:a16="http://schemas.microsoft.com/office/drawing/2014/main" id="{8503CD55-0FF2-4655-BEF9-7BAED10F0B19}"/>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a:ext>
          </a:extLst>
        </a:blip>
        <a:srcRect/>
        <a:stretch>
          <a:fillRect/>
        </a:stretch>
      </xdr:blipFill>
      <xdr:spPr>
        <a:xfrm>
          <a:off x="3479643" y="14375693"/>
          <a:ext cx="1077196" cy="597248"/>
        </a:xfrm>
        <a:prstGeom prst="rect">
          <a:avLst/>
        </a:prstGeom>
        <a:ln>
          <a:noFill/>
        </a:ln>
      </xdr:spPr>
    </xdr:pic>
    <xdr:clientData/>
  </xdr:twoCellAnchor>
  <xdr:twoCellAnchor>
    <xdr:from>
      <xdr:col>2</xdr:col>
      <xdr:colOff>69693</xdr:colOff>
      <xdr:row>13</xdr:row>
      <xdr:rowOff>246943</xdr:rowOff>
    </xdr:from>
    <xdr:to>
      <xdr:col>2</xdr:col>
      <xdr:colOff>1146889</xdr:colOff>
      <xdr:row>14</xdr:row>
      <xdr:rowOff>361591</xdr:rowOff>
    </xdr:to>
    <xdr:pic>
      <xdr:nvPicPr>
        <xdr:cNvPr id="56" name="图片 11">
          <a:extLst>
            <a:ext uri="{FF2B5EF4-FFF2-40B4-BE49-F238E27FC236}">
              <a16:creationId xmlns:a16="http://schemas.microsoft.com/office/drawing/2014/main" id="{FAA999C7-8455-4606-AF3E-75F03316DB66}"/>
            </a:ext>
          </a:extLst>
        </xdr:cNvPr>
        <xdr:cNvPicPr>
          <a:picLocks noChangeAspect="1"/>
        </xdr:cNvPicPr>
      </xdr:nvPicPr>
      <xdr:blipFill>
        <a:blip xmlns:r="http://schemas.openxmlformats.org/officeDocument/2006/relationships" r:embed="rId7" cstate="email">
          <a:extLst>
            <a:ext uri="{28A0092B-C50C-407E-A947-70E740481C1C}">
              <a14:useLocalDpi xmlns:a14="http://schemas.microsoft.com/office/drawing/2010/main"/>
            </a:ext>
          </a:extLst>
        </a:blip>
        <a:srcRect/>
        <a:stretch>
          <a:fillRect/>
        </a:stretch>
      </xdr:blipFill>
      <xdr:spPr>
        <a:xfrm>
          <a:off x="3479643" y="11480093"/>
          <a:ext cx="1077196" cy="597248"/>
        </a:xfrm>
        <a:prstGeom prst="rect">
          <a:avLst/>
        </a:prstGeom>
        <a:ln>
          <a:noFill/>
        </a:ln>
      </xdr:spPr>
    </xdr:pic>
    <xdr:clientData/>
  </xdr:twoCellAnchor>
  <xdr:twoCellAnchor editAs="oneCell">
    <xdr:from>
      <xdr:col>2</xdr:col>
      <xdr:colOff>180495</xdr:colOff>
      <xdr:row>11</xdr:row>
      <xdr:rowOff>225778</xdr:rowOff>
    </xdr:from>
    <xdr:to>
      <xdr:col>2</xdr:col>
      <xdr:colOff>1031137</xdr:colOff>
      <xdr:row>12</xdr:row>
      <xdr:rowOff>343606</xdr:rowOff>
    </xdr:to>
    <xdr:pic>
      <xdr:nvPicPr>
        <xdr:cNvPr id="57" name="Picture 56">
          <a:extLst>
            <a:ext uri="{FF2B5EF4-FFF2-40B4-BE49-F238E27FC236}">
              <a16:creationId xmlns:a16="http://schemas.microsoft.com/office/drawing/2014/main" id="{98878E91-868D-422D-94AC-3DB5E778C923}"/>
            </a:ext>
          </a:extLst>
        </xdr:cNvPr>
        <xdr:cNvPicPr>
          <a:picLocks noChangeAspect="1" noChangeArrowheads="1"/>
        </xdr:cNvPicPr>
      </xdr:nvPicPr>
      <xdr:blipFill>
        <a:blip xmlns:r="http://schemas.openxmlformats.org/officeDocument/2006/relationships" r:embed="rId8" cstate="email">
          <a:extLst>
            <a:ext uri="{28A0092B-C50C-407E-A947-70E740481C1C}">
              <a14:useLocalDpi xmlns:a14="http://schemas.microsoft.com/office/drawing/2010/main"/>
            </a:ext>
          </a:extLst>
        </a:blip>
        <a:srcRect/>
        <a:stretch>
          <a:fillRect/>
        </a:stretch>
      </xdr:blipFill>
      <xdr:spPr bwMode="auto">
        <a:xfrm>
          <a:off x="3590445" y="10493728"/>
          <a:ext cx="850642" cy="5813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28887</xdr:colOff>
      <xdr:row>17</xdr:row>
      <xdr:rowOff>169334</xdr:rowOff>
    </xdr:from>
    <xdr:to>
      <xdr:col>2</xdr:col>
      <xdr:colOff>1085143</xdr:colOff>
      <xdr:row>18</xdr:row>
      <xdr:rowOff>292099</xdr:rowOff>
    </xdr:to>
    <xdr:pic>
      <xdr:nvPicPr>
        <xdr:cNvPr id="58" name="Picture 57">
          <a:extLst>
            <a:ext uri="{FF2B5EF4-FFF2-40B4-BE49-F238E27FC236}">
              <a16:creationId xmlns:a16="http://schemas.microsoft.com/office/drawing/2014/main" id="{2839FBA7-B1FB-4ADA-9332-01FA1D5DFF15}"/>
            </a:ext>
          </a:extLst>
        </xdr:cNvPr>
        <xdr:cNvPicPr>
          <a:picLocks noChangeAspect="1" noChangeArrowheads="1"/>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bwMode="auto">
        <a:xfrm>
          <a:off x="3638837" y="13332884"/>
          <a:ext cx="856256" cy="5863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254000</xdr:colOff>
      <xdr:row>15</xdr:row>
      <xdr:rowOff>282222</xdr:rowOff>
    </xdr:from>
    <xdr:ext cx="816428" cy="402770"/>
    <xdr:pic>
      <xdr:nvPicPr>
        <xdr:cNvPr id="59" name="图片 20" descr="屏幕剪辑">
          <a:extLst>
            <a:ext uri="{FF2B5EF4-FFF2-40B4-BE49-F238E27FC236}">
              <a16:creationId xmlns:a16="http://schemas.microsoft.com/office/drawing/2014/main" id="{C84EB22A-A04E-4549-8D94-1EFABBC3CD87}"/>
            </a:ext>
          </a:extLst>
        </xdr:cNvPr>
        <xdr:cNvPicPr>
          <a:picLocks noChangeAspect="1"/>
        </xdr:cNvPicPr>
      </xdr:nvPicPr>
      <xdr:blipFill>
        <a:blip xmlns:r="http://schemas.openxmlformats.org/officeDocument/2006/relationships" r:embed="rId10" cstate="email">
          <a:extLst>
            <a:ext uri="{28A0092B-C50C-407E-A947-70E740481C1C}">
              <a14:useLocalDpi xmlns:a14="http://schemas.microsoft.com/office/drawing/2010/main"/>
            </a:ext>
          </a:extLst>
        </a:blip>
        <a:stretch>
          <a:fillRect/>
        </a:stretch>
      </xdr:blipFill>
      <xdr:spPr>
        <a:xfrm>
          <a:off x="3663950" y="12480572"/>
          <a:ext cx="816428" cy="402770"/>
        </a:xfrm>
        <a:prstGeom prst="rect">
          <a:avLst/>
        </a:prstGeom>
      </xdr:spPr>
    </xdr:pic>
    <xdr:clientData/>
  </xdr:oneCellAnchor>
  <xdr:oneCellAnchor>
    <xdr:from>
      <xdr:col>2</xdr:col>
      <xdr:colOff>174449</xdr:colOff>
      <xdr:row>5</xdr:row>
      <xdr:rowOff>418437</xdr:rowOff>
    </xdr:from>
    <xdr:ext cx="963085" cy="521872"/>
    <xdr:pic>
      <xdr:nvPicPr>
        <xdr:cNvPr id="60" name="图片 25">
          <a:extLst>
            <a:ext uri="{FF2B5EF4-FFF2-40B4-BE49-F238E27FC236}">
              <a16:creationId xmlns:a16="http://schemas.microsoft.com/office/drawing/2014/main" id="{86A3D047-B016-4D42-990D-B5C1A2ABD614}"/>
            </a:ext>
          </a:extLst>
        </xdr:cNvPr>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2513366" y="2132937"/>
          <a:ext cx="963085" cy="521872"/>
        </a:xfrm>
        <a:prstGeom prst="rect">
          <a:avLst/>
        </a:prstGeom>
        <a:ln>
          <a:noFill/>
        </a:ln>
      </xdr:spPr>
    </xdr:pic>
    <xdr:clientData/>
  </xdr:oneCellAnchor>
  <xdr:twoCellAnchor>
    <xdr:from>
      <xdr:col>2</xdr:col>
      <xdr:colOff>275167</xdr:colOff>
      <xdr:row>47</xdr:row>
      <xdr:rowOff>169333</xdr:rowOff>
    </xdr:from>
    <xdr:to>
      <xdr:col>2</xdr:col>
      <xdr:colOff>1013037</xdr:colOff>
      <xdr:row>48</xdr:row>
      <xdr:rowOff>284551</xdr:rowOff>
    </xdr:to>
    <xdr:pic>
      <xdr:nvPicPr>
        <xdr:cNvPr id="61" name="图片 5">
          <a:extLst>
            <a:ext uri="{FF2B5EF4-FFF2-40B4-BE49-F238E27FC236}">
              <a16:creationId xmlns:a16="http://schemas.microsoft.com/office/drawing/2014/main" id="{545ADDF1-C3E1-4127-99AA-93C5DCCC0ED4}"/>
            </a:ext>
          </a:extLst>
        </xdr:cNvPr>
        <xdr:cNvPicPr>
          <a:picLocks noChangeAspect="1"/>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3685117" y="29061833"/>
          <a:ext cx="737870" cy="597818"/>
        </a:xfrm>
        <a:prstGeom prst="rect">
          <a:avLst/>
        </a:prstGeom>
        <a:ln>
          <a:noFill/>
        </a:ln>
      </xdr:spPr>
    </xdr:pic>
    <xdr:clientData/>
  </xdr:twoCellAnchor>
  <xdr:twoCellAnchor>
    <xdr:from>
      <xdr:col>2</xdr:col>
      <xdr:colOff>282222</xdr:colOff>
      <xdr:row>57</xdr:row>
      <xdr:rowOff>211667</xdr:rowOff>
    </xdr:from>
    <xdr:to>
      <xdr:col>2</xdr:col>
      <xdr:colOff>1063272</xdr:colOff>
      <xdr:row>58</xdr:row>
      <xdr:rowOff>382129</xdr:rowOff>
    </xdr:to>
    <xdr:pic>
      <xdr:nvPicPr>
        <xdr:cNvPr id="62" name="图片 5" descr="\\info-server\产品资料库\09-01-产品图片库\02-海外\01- Network Camera\Easy\Dome\IPC361x(1).png">
          <a:extLst>
            <a:ext uri="{FF2B5EF4-FFF2-40B4-BE49-F238E27FC236}">
              <a16:creationId xmlns:a16="http://schemas.microsoft.com/office/drawing/2014/main" id="{25DBD167-6061-43D6-AD12-56526D533E19}"/>
            </a:ext>
          </a:extLst>
        </xdr:cNvPr>
        <xdr:cNvPicPr>
          <a:picLocks noChangeAspect="1" noChangeArrowheads="1"/>
        </xdr:cNvPicPr>
      </xdr:nvPicPr>
      <xdr:blipFill>
        <a:blip xmlns:r="http://schemas.openxmlformats.org/officeDocument/2006/relationships" r:embed="rId13" cstate="email">
          <a:extLst>
            <a:ext uri="{28A0092B-C50C-407E-A947-70E740481C1C}">
              <a14:useLocalDpi xmlns:a14="http://schemas.microsoft.com/office/drawing/2010/main"/>
            </a:ext>
          </a:extLst>
        </a:blip>
        <a:srcRect/>
        <a:stretch>
          <a:fillRect/>
        </a:stretch>
      </xdr:blipFill>
      <xdr:spPr>
        <a:xfrm>
          <a:off x="3692172" y="33682517"/>
          <a:ext cx="781050" cy="653062"/>
        </a:xfrm>
        <a:prstGeom prst="rect">
          <a:avLst/>
        </a:prstGeom>
        <a:noFill/>
        <a:ln>
          <a:noFill/>
        </a:ln>
      </xdr:spPr>
    </xdr:pic>
    <xdr:clientData/>
  </xdr:twoCellAnchor>
  <xdr:twoCellAnchor editAs="oneCell">
    <xdr:from>
      <xdr:col>2</xdr:col>
      <xdr:colOff>204612</xdr:colOff>
      <xdr:row>61</xdr:row>
      <xdr:rowOff>112888</xdr:rowOff>
    </xdr:from>
    <xdr:to>
      <xdr:col>2</xdr:col>
      <xdr:colOff>1093612</xdr:colOff>
      <xdr:row>62</xdr:row>
      <xdr:rowOff>204607</xdr:rowOff>
    </xdr:to>
    <xdr:pic>
      <xdr:nvPicPr>
        <xdr:cNvPr id="63" name="图片 15" descr="IPC3A2S-IR3-HAPF2840-C-DT(1)">
          <a:extLst>
            <a:ext uri="{FF2B5EF4-FFF2-40B4-BE49-F238E27FC236}">
              <a16:creationId xmlns:a16="http://schemas.microsoft.com/office/drawing/2014/main" id="{18EC5CA9-176D-49A8-BF26-108C742C4DDE}"/>
            </a:ext>
          </a:extLst>
        </xdr:cNvPr>
        <xdr:cNvPicPr/>
      </xdr:nvPicPr>
      <xdr:blipFill>
        <a:blip xmlns:r="http://schemas.openxmlformats.org/officeDocument/2006/relationships" r:embed="rId14" cstate="email">
          <a:extLst>
            <a:ext uri="{28A0092B-C50C-407E-A947-70E740481C1C}">
              <a14:useLocalDpi xmlns:a14="http://schemas.microsoft.com/office/drawing/2010/main"/>
            </a:ext>
          </a:extLst>
        </a:blip>
        <a:srcRect/>
        <a:stretch>
          <a:fillRect/>
        </a:stretch>
      </xdr:blipFill>
      <xdr:spPr>
        <a:xfrm>
          <a:off x="3614562" y="35514138"/>
          <a:ext cx="889000" cy="701320"/>
        </a:xfrm>
        <a:prstGeom prst="rect">
          <a:avLst/>
        </a:prstGeom>
      </xdr:spPr>
    </xdr:pic>
    <xdr:clientData/>
  </xdr:twoCellAnchor>
  <xdr:twoCellAnchor>
    <xdr:from>
      <xdr:col>2</xdr:col>
      <xdr:colOff>257527</xdr:colOff>
      <xdr:row>49</xdr:row>
      <xdr:rowOff>183446</xdr:rowOff>
    </xdr:from>
    <xdr:to>
      <xdr:col>2</xdr:col>
      <xdr:colOff>995397</xdr:colOff>
      <xdr:row>50</xdr:row>
      <xdr:rowOff>310446</xdr:rowOff>
    </xdr:to>
    <xdr:pic>
      <xdr:nvPicPr>
        <xdr:cNvPr id="64" name="图片 5">
          <a:extLst>
            <a:ext uri="{FF2B5EF4-FFF2-40B4-BE49-F238E27FC236}">
              <a16:creationId xmlns:a16="http://schemas.microsoft.com/office/drawing/2014/main" id="{8DCD8BD2-CBE8-43CA-9550-4D6737377B6B}"/>
            </a:ext>
          </a:extLst>
        </xdr:cNvPr>
        <xdr:cNvPicPr>
          <a:picLocks noChangeAspect="1"/>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a:xfrm>
          <a:off x="3667477" y="30041146"/>
          <a:ext cx="737870" cy="609600"/>
        </a:xfrm>
        <a:prstGeom prst="rect">
          <a:avLst/>
        </a:prstGeom>
        <a:ln>
          <a:noFill/>
        </a:ln>
      </xdr:spPr>
    </xdr:pic>
    <xdr:clientData/>
  </xdr:twoCellAnchor>
  <xdr:oneCellAnchor>
    <xdr:from>
      <xdr:col>2</xdr:col>
      <xdr:colOff>225779</xdr:colOff>
      <xdr:row>63</xdr:row>
      <xdr:rowOff>165807</xdr:rowOff>
    </xdr:from>
    <xdr:ext cx="816427" cy="718456"/>
    <xdr:pic>
      <xdr:nvPicPr>
        <xdr:cNvPr id="65" name="图片 19">
          <a:extLst>
            <a:ext uri="{FF2B5EF4-FFF2-40B4-BE49-F238E27FC236}">
              <a16:creationId xmlns:a16="http://schemas.microsoft.com/office/drawing/2014/main" id="{267820E7-973C-484A-BF84-8096A474D777}"/>
            </a:ext>
          </a:extLst>
        </xdr:cNvPr>
        <xdr:cNvPicPr>
          <a:picLocks noChangeAspect="1"/>
        </xdr:cNvPicPr>
      </xdr:nvPicPr>
      <xdr:blipFill rotWithShape="1">
        <a:blip xmlns:r="http://schemas.openxmlformats.org/officeDocument/2006/relationships" r:embed="rId16" cstate="email">
          <a:extLst>
            <a:ext uri="{28A0092B-C50C-407E-A947-70E740481C1C}">
              <a14:useLocalDpi xmlns:a14="http://schemas.microsoft.com/office/drawing/2010/main"/>
            </a:ext>
          </a:extLst>
        </a:blip>
        <a:srcRect/>
        <a:stretch/>
      </xdr:blipFill>
      <xdr:spPr>
        <a:xfrm>
          <a:off x="3635729" y="36532257"/>
          <a:ext cx="816427" cy="718456"/>
        </a:xfrm>
        <a:prstGeom prst="rect">
          <a:avLst/>
        </a:prstGeom>
      </xdr:spPr>
    </xdr:pic>
    <xdr:clientData/>
  </xdr:oneCellAnchor>
  <xdr:oneCellAnchor>
    <xdr:from>
      <xdr:col>2</xdr:col>
      <xdr:colOff>119676</xdr:colOff>
      <xdr:row>41</xdr:row>
      <xdr:rowOff>155863</xdr:rowOff>
    </xdr:from>
    <xdr:ext cx="1092730" cy="904523"/>
    <xdr:pic>
      <xdr:nvPicPr>
        <xdr:cNvPr id="66" name="图片 32" descr="C:\Users\l01742\Desktop\Lite系列\UNV IPC324LR3-VSPF28(40) 4MP Fixed Dome Network Camera V1.0\IPC320L.png">
          <a:extLst>
            <a:ext uri="{FF2B5EF4-FFF2-40B4-BE49-F238E27FC236}">
              <a16:creationId xmlns:a16="http://schemas.microsoft.com/office/drawing/2014/main" id="{67C2C7B3-83DD-4F83-84EC-624E914D4CFF}"/>
            </a:ext>
          </a:extLst>
        </xdr:cNvPr>
        <xdr:cNvPicPr/>
      </xdr:nvPicPr>
      <xdr:blipFill>
        <a:blip xmlns:r="http://schemas.openxmlformats.org/officeDocument/2006/relationships" r:embed="rId17" cstate="email">
          <a:extLst>
            <a:ext uri="{28A0092B-C50C-407E-A947-70E740481C1C}">
              <a14:useLocalDpi xmlns:a14="http://schemas.microsoft.com/office/drawing/2010/main"/>
            </a:ext>
          </a:extLst>
        </a:blip>
        <a:srcRect/>
        <a:stretch>
          <a:fillRect/>
        </a:stretch>
      </xdr:blipFill>
      <xdr:spPr>
        <a:xfrm>
          <a:off x="3529626" y="26152763"/>
          <a:ext cx="1092730" cy="904523"/>
        </a:xfrm>
        <a:prstGeom prst="rect">
          <a:avLst/>
        </a:prstGeom>
        <a:noFill/>
        <a:ln>
          <a:noFill/>
        </a:ln>
      </xdr:spPr>
    </xdr:pic>
    <xdr:clientData/>
  </xdr:oneCellAnchor>
  <xdr:oneCellAnchor>
    <xdr:from>
      <xdr:col>2</xdr:col>
      <xdr:colOff>275095</xdr:colOff>
      <xdr:row>53</xdr:row>
      <xdr:rowOff>136644</xdr:rowOff>
    </xdr:from>
    <xdr:ext cx="820414" cy="705841"/>
    <xdr:pic>
      <xdr:nvPicPr>
        <xdr:cNvPr id="67" name="图片 27">
          <a:extLst>
            <a:ext uri="{FF2B5EF4-FFF2-40B4-BE49-F238E27FC236}">
              <a16:creationId xmlns:a16="http://schemas.microsoft.com/office/drawing/2014/main" id="{C1C374A4-46E3-4A0E-A469-20E0A425B6F1}"/>
            </a:ext>
          </a:extLst>
        </xdr:cNvPr>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3685045" y="31734244"/>
          <a:ext cx="820414" cy="705841"/>
        </a:xfrm>
        <a:prstGeom prst="rect">
          <a:avLst/>
        </a:prstGeom>
      </xdr:spPr>
    </xdr:pic>
    <xdr:clientData/>
  </xdr:oneCellAnchor>
  <xdr:twoCellAnchor>
    <xdr:from>
      <xdr:col>2</xdr:col>
      <xdr:colOff>282222</xdr:colOff>
      <xdr:row>59</xdr:row>
      <xdr:rowOff>211667</xdr:rowOff>
    </xdr:from>
    <xdr:to>
      <xdr:col>2</xdr:col>
      <xdr:colOff>1063272</xdr:colOff>
      <xdr:row>60</xdr:row>
      <xdr:rowOff>382129</xdr:rowOff>
    </xdr:to>
    <xdr:pic>
      <xdr:nvPicPr>
        <xdr:cNvPr id="68" name="图片 5" descr="\\info-server\产品资料库\09-01-产品图片库\02-海外\01- Network Camera\Easy\Dome\IPC361x(1).png">
          <a:extLst>
            <a:ext uri="{FF2B5EF4-FFF2-40B4-BE49-F238E27FC236}">
              <a16:creationId xmlns:a16="http://schemas.microsoft.com/office/drawing/2014/main" id="{6B3C0343-FBA2-46C9-9F03-D097A211763E}"/>
            </a:ext>
          </a:extLst>
        </xdr:cNvPr>
        <xdr:cNvPicPr>
          <a:picLocks noChangeAspect="1" noChangeArrowheads="1"/>
        </xdr:cNvPicPr>
      </xdr:nvPicPr>
      <xdr:blipFill>
        <a:blip xmlns:r="http://schemas.openxmlformats.org/officeDocument/2006/relationships" r:embed="rId13" cstate="email">
          <a:extLst>
            <a:ext uri="{28A0092B-C50C-407E-A947-70E740481C1C}">
              <a14:useLocalDpi xmlns:a14="http://schemas.microsoft.com/office/drawing/2010/main"/>
            </a:ext>
          </a:extLst>
        </a:blip>
        <a:srcRect/>
        <a:stretch>
          <a:fillRect/>
        </a:stretch>
      </xdr:blipFill>
      <xdr:spPr>
        <a:xfrm>
          <a:off x="3692172" y="34647717"/>
          <a:ext cx="781050" cy="653062"/>
        </a:xfrm>
        <a:prstGeom prst="rect">
          <a:avLst/>
        </a:prstGeom>
        <a:noFill/>
        <a:ln>
          <a:noFill/>
        </a:ln>
      </xdr:spPr>
    </xdr:pic>
    <xdr:clientData/>
  </xdr:twoCellAnchor>
  <xdr:twoCellAnchor>
    <xdr:from>
      <xdr:col>2</xdr:col>
      <xdr:colOff>275167</xdr:colOff>
      <xdr:row>45</xdr:row>
      <xdr:rowOff>169333</xdr:rowOff>
    </xdr:from>
    <xdr:to>
      <xdr:col>2</xdr:col>
      <xdr:colOff>1013037</xdr:colOff>
      <xdr:row>46</xdr:row>
      <xdr:rowOff>284551</xdr:rowOff>
    </xdr:to>
    <xdr:pic>
      <xdr:nvPicPr>
        <xdr:cNvPr id="69" name="图片 5">
          <a:extLst>
            <a:ext uri="{FF2B5EF4-FFF2-40B4-BE49-F238E27FC236}">
              <a16:creationId xmlns:a16="http://schemas.microsoft.com/office/drawing/2014/main" id="{C74E9F1F-DC17-4E95-B24F-F519869D39F7}"/>
            </a:ext>
          </a:extLst>
        </xdr:cNvPr>
        <xdr:cNvPicPr>
          <a:picLocks noChangeAspect="1"/>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3685117" y="28096633"/>
          <a:ext cx="737870" cy="597818"/>
        </a:xfrm>
        <a:prstGeom prst="rect">
          <a:avLst/>
        </a:prstGeom>
        <a:ln>
          <a:noFill/>
        </a:ln>
      </xdr:spPr>
    </xdr:pic>
    <xdr:clientData/>
  </xdr:twoCellAnchor>
  <xdr:twoCellAnchor editAs="oneCell">
    <xdr:from>
      <xdr:col>2</xdr:col>
      <xdr:colOff>59091</xdr:colOff>
      <xdr:row>91</xdr:row>
      <xdr:rowOff>626182</xdr:rowOff>
    </xdr:from>
    <xdr:to>
      <xdr:col>3</xdr:col>
      <xdr:colOff>75092</xdr:colOff>
      <xdr:row>92</xdr:row>
      <xdr:rowOff>662339</xdr:rowOff>
    </xdr:to>
    <xdr:pic>
      <xdr:nvPicPr>
        <xdr:cNvPr id="71" name="Picture 70" descr="IPC2322LBR3-SP(Z28)-D 2MP VF Vandal-resistant Network IR Bullet Camera">
          <a:extLst>
            <a:ext uri="{FF2B5EF4-FFF2-40B4-BE49-F238E27FC236}">
              <a16:creationId xmlns:a16="http://schemas.microsoft.com/office/drawing/2014/main" id="{66E1DFC6-6D0E-40C8-9ED1-BBA3E0FA861E}"/>
            </a:ext>
          </a:extLst>
        </xdr:cNvPr>
        <xdr:cNvPicPr>
          <a:picLocks noChangeAspect="1" noChangeArrowheads="1"/>
        </xdr:cNvPicPr>
      </xdr:nvPicPr>
      <xdr:blipFill>
        <a:blip xmlns:r="http://schemas.openxmlformats.org/officeDocument/2006/relationships" r:embed="rId19" cstate="email">
          <a:extLst>
            <a:ext uri="{28A0092B-C50C-407E-A947-70E740481C1C}">
              <a14:useLocalDpi xmlns:a14="http://schemas.microsoft.com/office/drawing/2010/main"/>
            </a:ext>
          </a:extLst>
        </a:blip>
        <a:srcRect/>
        <a:stretch>
          <a:fillRect/>
        </a:stretch>
      </xdr:blipFill>
      <xdr:spPr bwMode="auto">
        <a:xfrm>
          <a:off x="3469041" y="40872482"/>
          <a:ext cx="1324100" cy="66480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73934</xdr:colOff>
      <xdr:row>108</xdr:row>
      <xdr:rowOff>148167</xdr:rowOff>
    </xdr:from>
    <xdr:ext cx="1243691" cy="622786"/>
    <xdr:pic>
      <xdr:nvPicPr>
        <xdr:cNvPr id="72" name="Picture 71" descr="IPC3232LR3-VSP(Z28)-D 2MP VF Vandal-resistant Network IR Fixed Dome Camera">
          <a:extLst>
            <a:ext uri="{FF2B5EF4-FFF2-40B4-BE49-F238E27FC236}">
              <a16:creationId xmlns:a16="http://schemas.microsoft.com/office/drawing/2014/main" id="{C991EF8F-9F1A-4B38-9BB3-598904133A7B}"/>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a:ext>
          </a:extLst>
        </a:blip>
        <a:srcRect/>
        <a:stretch>
          <a:fillRect/>
        </a:stretch>
      </xdr:blipFill>
      <xdr:spPr bwMode="auto">
        <a:xfrm>
          <a:off x="3483884" y="48941567"/>
          <a:ext cx="1243691" cy="622786"/>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editAs="oneCell">
    <xdr:from>
      <xdr:col>2</xdr:col>
      <xdr:colOff>403930</xdr:colOff>
      <xdr:row>131</xdr:row>
      <xdr:rowOff>49390</xdr:rowOff>
    </xdr:from>
    <xdr:to>
      <xdr:col>2</xdr:col>
      <xdr:colOff>904875</xdr:colOff>
      <xdr:row>131</xdr:row>
      <xdr:rowOff>527821</xdr:rowOff>
    </xdr:to>
    <xdr:pic>
      <xdr:nvPicPr>
        <xdr:cNvPr id="73" name="Picture 72">
          <a:extLst>
            <a:ext uri="{FF2B5EF4-FFF2-40B4-BE49-F238E27FC236}">
              <a16:creationId xmlns:a16="http://schemas.microsoft.com/office/drawing/2014/main" id="{E16F55EA-2C5C-4EFE-BB41-6B616586ADE8}"/>
            </a:ext>
          </a:extLst>
        </xdr:cNvPr>
        <xdr:cNvPicPr>
          <a:picLocks noChangeAspect="1" noChangeArrowheads="1"/>
        </xdr:cNvPicPr>
      </xdr:nvPicPr>
      <xdr:blipFill>
        <a:blip xmlns:r="http://schemas.openxmlformats.org/officeDocument/2006/relationships" r:embed="rId21" cstate="email">
          <a:extLst>
            <a:ext uri="{28A0092B-C50C-407E-A947-70E740481C1C}">
              <a14:useLocalDpi xmlns:a14="http://schemas.microsoft.com/office/drawing/2010/main"/>
            </a:ext>
          </a:extLst>
        </a:blip>
        <a:srcRect/>
        <a:stretch>
          <a:fillRect/>
        </a:stretch>
      </xdr:blipFill>
      <xdr:spPr bwMode="auto">
        <a:xfrm>
          <a:off x="2562930" y="41499015"/>
          <a:ext cx="500945" cy="4784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82941</xdr:colOff>
      <xdr:row>129</xdr:row>
      <xdr:rowOff>105879</xdr:rowOff>
    </xdr:from>
    <xdr:to>
      <xdr:col>2</xdr:col>
      <xdr:colOff>1095376</xdr:colOff>
      <xdr:row>130</xdr:row>
      <xdr:rowOff>286800</xdr:rowOff>
    </xdr:to>
    <xdr:pic>
      <xdr:nvPicPr>
        <xdr:cNvPr id="74" name="Picture 73">
          <a:extLst>
            <a:ext uri="{FF2B5EF4-FFF2-40B4-BE49-F238E27FC236}">
              <a16:creationId xmlns:a16="http://schemas.microsoft.com/office/drawing/2014/main" id="{0092DC7B-8AB2-4F4E-8AE4-79525BA4A07D}"/>
            </a:ext>
          </a:extLst>
        </xdr:cNvPr>
        <xdr:cNvPicPr>
          <a:picLocks noChangeAspect="1" noChangeArrowheads="1"/>
        </xdr:cNvPicPr>
      </xdr:nvPicPr>
      <xdr:blipFill>
        <a:blip xmlns:r="http://schemas.openxmlformats.org/officeDocument/2006/relationships" r:embed="rId22" cstate="email">
          <a:extLst>
            <a:ext uri="{28A0092B-C50C-407E-A947-70E740481C1C}">
              <a14:useLocalDpi xmlns:a14="http://schemas.microsoft.com/office/drawing/2010/main"/>
            </a:ext>
          </a:extLst>
        </a:blip>
        <a:srcRect/>
        <a:stretch>
          <a:fillRect/>
        </a:stretch>
      </xdr:blipFill>
      <xdr:spPr bwMode="auto">
        <a:xfrm>
          <a:off x="2341941" y="40476004"/>
          <a:ext cx="912435" cy="72067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69196</xdr:colOff>
      <xdr:row>132</xdr:row>
      <xdr:rowOff>183446</xdr:rowOff>
    </xdr:from>
    <xdr:to>
      <xdr:col>2</xdr:col>
      <xdr:colOff>740834</xdr:colOff>
      <xdr:row>134</xdr:row>
      <xdr:rowOff>3311</xdr:rowOff>
    </xdr:to>
    <xdr:pic>
      <xdr:nvPicPr>
        <xdr:cNvPr id="75" name="图片 1" descr="供电款门铃 (3)">
          <a:extLst>
            <a:ext uri="{FF2B5EF4-FFF2-40B4-BE49-F238E27FC236}">
              <a16:creationId xmlns:a16="http://schemas.microsoft.com/office/drawing/2014/main" id="{EAE61B30-BEA6-454B-9EDA-EEEC1E54AD44}"/>
            </a:ext>
          </a:extLst>
        </xdr:cNvPr>
        <xdr:cNvPicPr>
          <a:picLocks noChangeAspect="1"/>
        </xdr:cNvPicPr>
      </xdr:nvPicPr>
      <xdr:blipFill>
        <a:blip xmlns:r="http://schemas.openxmlformats.org/officeDocument/2006/relationships" r:embed="rId23" cstate="email">
          <a:extLst>
            <a:ext uri="{28A0092B-C50C-407E-A947-70E740481C1C}">
              <a14:useLocalDpi xmlns:a14="http://schemas.microsoft.com/office/drawing/2010/main"/>
            </a:ext>
          </a:extLst>
        </a:blip>
        <a:srcRect/>
        <a:stretch>
          <a:fillRect/>
        </a:stretch>
      </xdr:blipFill>
      <xdr:spPr>
        <a:xfrm>
          <a:off x="2628196" y="41818279"/>
          <a:ext cx="271638" cy="544823"/>
        </a:xfrm>
        <a:prstGeom prst="rect">
          <a:avLst/>
        </a:prstGeom>
      </xdr:spPr>
    </xdr:pic>
    <xdr:clientData/>
  </xdr:twoCellAnchor>
  <xdr:oneCellAnchor>
    <xdr:from>
      <xdr:col>2</xdr:col>
      <xdr:colOff>204610</xdr:colOff>
      <xdr:row>21</xdr:row>
      <xdr:rowOff>296332</xdr:rowOff>
    </xdr:from>
    <xdr:ext cx="896055" cy="465666"/>
    <xdr:pic>
      <xdr:nvPicPr>
        <xdr:cNvPr id="76" name="图片 37" descr="C:\Users\z05278\AppData\Local\Temp\HZ$D.236.4325\IPC2122LR3-PF28M-D-FL.png">
          <a:extLst>
            <a:ext uri="{FF2B5EF4-FFF2-40B4-BE49-F238E27FC236}">
              <a16:creationId xmlns:a16="http://schemas.microsoft.com/office/drawing/2014/main" id="{C0E02410-BC88-4AF2-B2C9-F6C711273A61}"/>
            </a:ext>
          </a:extLst>
        </xdr:cNvPr>
        <xdr:cNvPicPr/>
      </xdr:nvPicPr>
      <xdr:blipFill rotWithShape="1">
        <a:blip xmlns:r="http://schemas.openxmlformats.org/officeDocument/2006/relationships" r:embed="rId24" cstate="email">
          <a:extLst>
            <a:ext uri="{28A0092B-C50C-407E-A947-70E740481C1C}">
              <a14:useLocalDpi xmlns:a14="http://schemas.microsoft.com/office/drawing/2010/main"/>
            </a:ext>
          </a:extLst>
        </a:blip>
        <a:srcRect/>
        <a:stretch/>
      </xdr:blipFill>
      <xdr:spPr bwMode="auto">
        <a:xfrm>
          <a:off x="2543527" y="9339790"/>
          <a:ext cx="896055" cy="465666"/>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194026</xdr:colOff>
      <xdr:row>23</xdr:row>
      <xdr:rowOff>259290</xdr:rowOff>
    </xdr:from>
    <xdr:ext cx="896055" cy="465667"/>
    <xdr:pic>
      <xdr:nvPicPr>
        <xdr:cNvPr id="77" name="图片 37" descr="C:\Users\z05278\AppData\Local\Temp\HZ$D.236.4325\IPC2122LR3-PF28M-D-FL.png">
          <a:extLst>
            <a:ext uri="{FF2B5EF4-FFF2-40B4-BE49-F238E27FC236}">
              <a16:creationId xmlns:a16="http://schemas.microsoft.com/office/drawing/2014/main" id="{0C1E69F6-3455-4403-ACCB-0C3A0223BE9D}"/>
            </a:ext>
          </a:extLst>
        </xdr:cNvPr>
        <xdr:cNvPicPr/>
      </xdr:nvPicPr>
      <xdr:blipFill rotWithShape="1">
        <a:blip xmlns:r="http://schemas.openxmlformats.org/officeDocument/2006/relationships" r:embed="rId24" cstate="email">
          <a:extLst>
            <a:ext uri="{28A0092B-C50C-407E-A947-70E740481C1C}">
              <a14:useLocalDpi xmlns:a14="http://schemas.microsoft.com/office/drawing/2010/main"/>
            </a:ext>
          </a:extLst>
        </a:blip>
        <a:srcRect/>
        <a:stretch/>
      </xdr:blipFill>
      <xdr:spPr bwMode="auto">
        <a:xfrm>
          <a:off x="2532943" y="10234082"/>
          <a:ext cx="896055" cy="465667"/>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328083</xdr:colOff>
      <xdr:row>29</xdr:row>
      <xdr:rowOff>55111</xdr:rowOff>
    </xdr:from>
    <xdr:ext cx="658669" cy="384451"/>
    <xdr:pic>
      <xdr:nvPicPr>
        <xdr:cNvPr id="78" name="Picture 2" descr="\\info-server\产品资料库\09-01-产品图片库\02-海外\01- Network Camera\UNV\2. bullet camera\IPC212X series\png\IPC212X_FR.png">
          <a:extLst>
            <a:ext uri="{FF2B5EF4-FFF2-40B4-BE49-F238E27FC236}">
              <a16:creationId xmlns:a16="http://schemas.microsoft.com/office/drawing/2014/main" id="{D39D8F88-059A-4C33-8645-2614CBEA6888}"/>
            </a:ext>
          </a:extLst>
        </xdr:cNvPr>
        <xdr:cNvPicPr>
          <a:picLocks noChangeAspect="1" noChangeArrowheads="1"/>
        </xdr:cNvPicPr>
      </xdr:nvPicPr>
      <xdr:blipFill>
        <a:blip xmlns:r="http://schemas.openxmlformats.org/officeDocument/2006/relationships" r:embed="rId25" cstate="email">
          <a:extLst>
            <a:ext uri="{28A0092B-C50C-407E-A947-70E740481C1C}">
              <a14:useLocalDpi xmlns:a14="http://schemas.microsoft.com/office/drawing/2010/main"/>
            </a:ext>
          </a:extLst>
        </a:blip>
        <a:srcRect/>
        <a:stretch>
          <a:fillRect/>
        </a:stretch>
      </xdr:blipFill>
      <xdr:spPr>
        <a:xfrm>
          <a:off x="2667000" y="12823903"/>
          <a:ext cx="658669" cy="384451"/>
        </a:xfrm>
        <a:prstGeom prst="rect">
          <a:avLst/>
        </a:prstGeom>
        <a:noFill/>
      </xdr:spPr>
    </xdr:pic>
    <xdr:clientData/>
  </xdr:oneCellAnchor>
  <xdr:oneCellAnchor>
    <xdr:from>
      <xdr:col>2</xdr:col>
      <xdr:colOff>306916</xdr:colOff>
      <xdr:row>31</xdr:row>
      <xdr:rowOff>68871</xdr:rowOff>
    </xdr:from>
    <xdr:ext cx="663960" cy="391627"/>
    <xdr:pic>
      <xdr:nvPicPr>
        <xdr:cNvPr id="79" name="Picture 2" descr="\\info-server\产品资料库\09-01-产品图片库\02-海外\01- Network Camera\UNV\2. bullet camera\IPC212X series\png\IPC212X_FR.png">
          <a:extLst>
            <a:ext uri="{FF2B5EF4-FFF2-40B4-BE49-F238E27FC236}">
              <a16:creationId xmlns:a16="http://schemas.microsoft.com/office/drawing/2014/main" id="{5902B1F0-15CD-4AD3-B5E1-5F84EC5271DC}"/>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a:ext>
          </a:extLst>
        </a:blip>
        <a:srcRect/>
        <a:stretch>
          <a:fillRect/>
        </a:stretch>
      </xdr:blipFill>
      <xdr:spPr>
        <a:xfrm>
          <a:off x="2645833" y="13768996"/>
          <a:ext cx="663960" cy="391627"/>
        </a:xfrm>
        <a:prstGeom prst="rect">
          <a:avLst/>
        </a:prstGeom>
        <a:noFill/>
      </xdr:spPr>
    </xdr:pic>
    <xdr:clientData/>
  </xdr:oneCellAnchor>
  <xdr:oneCellAnchor>
    <xdr:from>
      <xdr:col>2</xdr:col>
      <xdr:colOff>301625</xdr:colOff>
      <xdr:row>30</xdr:row>
      <xdr:rowOff>58209</xdr:rowOff>
    </xdr:from>
    <xdr:ext cx="676117" cy="382553"/>
    <xdr:pic>
      <xdr:nvPicPr>
        <xdr:cNvPr id="80" name="Picture 2" descr="\\info-server\产品资料库\09-01-产品图片库\02-海外\01- Network Camera\UNV\2. bullet camera\IPC212X series\png\IPC212X_FR.png">
          <a:extLst>
            <a:ext uri="{FF2B5EF4-FFF2-40B4-BE49-F238E27FC236}">
              <a16:creationId xmlns:a16="http://schemas.microsoft.com/office/drawing/2014/main" id="{B5C6E5FB-DA08-40C5-9A39-EE10A244CE58}"/>
            </a:ext>
          </a:extLst>
        </xdr:cNvPr>
        <xdr:cNvPicPr>
          <a:picLocks noChangeAspect="1" noChangeArrowheads="1"/>
        </xdr:cNvPicPr>
      </xdr:nvPicPr>
      <xdr:blipFill>
        <a:blip xmlns:r="http://schemas.openxmlformats.org/officeDocument/2006/relationships" r:embed="rId27" cstate="email">
          <a:extLst>
            <a:ext uri="{28A0092B-C50C-407E-A947-70E740481C1C}">
              <a14:useLocalDpi xmlns:a14="http://schemas.microsoft.com/office/drawing/2010/main"/>
            </a:ext>
          </a:extLst>
        </a:blip>
        <a:srcRect/>
        <a:stretch>
          <a:fillRect/>
        </a:stretch>
      </xdr:blipFill>
      <xdr:spPr>
        <a:xfrm>
          <a:off x="2640542" y="13292667"/>
          <a:ext cx="676117" cy="382553"/>
        </a:xfrm>
        <a:prstGeom prst="rect">
          <a:avLst/>
        </a:prstGeom>
        <a:noFill/>
      </xdr:spPr>
    </xdr:pic>
    <xdr:clientData/>
  </xdr:oneCellAnchor>
  <xdr:oneCellAnchor>
    <xdr:from>
      <xdr:col>2</xdr:col>
      <xdr:colOff>328083</xdr:colOff>
      <xdr:row>27</xdr:row>
      <xdr:rowOff>35710</xdr:rowOff>
    </xdr:from>
    <xdr:ext cx="663961" cy="387540"/>
    <xdr:pic>
      <xdr:nvPicPr>
        <xdr:cNvPr id="81" name="Picture 2" descr="\\info-server\产品资料库\09-01-产品图片库\02-海外\01- Network Camera\UNV\2. bullet camera\IPC212X series\png\IPC212X_FR.png">
          <a:extLst>
            <a:ext uri="{FF2B5EF4-FFF2-40B4-BE49-F238E27FC236}">
              <a16:creationId xmlns:a16="http://schemas.microsoft.com/office/drawing/2014/main" id="{512B25E7-5EB9-4349-9F01-A2450676E468}"/>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a:ext>
          </a:extLst>
        </a:blip>
        <a:srcRect/>
        <a:stretch>
          <a:fillRect/>
        </a:stretch>
      </xdr:blipFill>
      <xdr:spPr>
        <a:xfrm>
          <a:off x="2667000" y="11873168"/>
          <a:ext cx="663961" cy="387540"/>
        </a:xfrm>
        <a:prstGeom prst="rect">
          <a:avLst/>
        </a:prstGeom>
        <a:noFill/>
      </xdr:spPr>
    </xdr:pic>
    <xdr:clientData/>
  </xdr:oneCellAnchor>
  <xdr:twoCellAnchor editAs="oneCell">
    <xdr:from>
      <xdr:col>2</xdr:col>
      <xdr:colOff>269874</xdr:colOff>
      <xdr:row>28</xdr:row>
      <xdr:rowOff>77613</xdr:rowOff>
    </xdr:from>
    <xdr:to>
      <xdr:col>2</xdr:col>
      <xdr:colOff>1037161</xdr:colOff>
      <xdr:row>28</xdr:row>
      <xdr:rowOff>425452</xdr:rowOff>
    </xdr:to>
    <xdr:pic>
      <xdr:nvPicPr>
        <xdr:cNvPr id="82" name="Picture 1">
          <a:extLst>
            <a:ext uri="{FF2B5EF4-FFF2-40B4-BE49-F238E27FC236}">
              <a16:creationId xmlns:a16="http://schemas.microsoft.com/office/drawing/2014/main" id="{1F9A4312-DBD8-4170-AAFF-437108ED8A92}"/>
            </a:ext>
          </a:extLst>
        </xdr:cNvPr>
        <xdr:cNvPicPr>
          <a:picLocks noChangeAspect="1" noChangeArrowheads="1"/>
        </xdr:cNvPicPr>
      </xdr:nvPicPr>
      <xdr:blipFill>
        <a:blip xmlns:r="http://schemas.openxmlformats.org/officeDocument/2006/relationships" r:embed="rId29" cstate="email">
          <a:extLst>
            <a:ext uri="{28A0092B-C50C-407E-A947-70E740481C1C}">
              <a14:useLocalDpi xmlns:a14="http://schemas.microsoft.com/office/drawing/2010/main"/>
            </a:ext>
          </a:extLst>
        </a:blip>
        <a:srcRect/>
        <a:stretch>
          <a:fillRect/>
        </a:stretch>
      </xdr:blipFill>
      <xdr:spPr>
        <a:xfrm>
          <a:off x="2608791" y="12380738"/>
          <a:ext cx="767287" cy="347839"/>
        </a:xfrm>
        <a:prstGeom prst="rect">
          <a:avLst/>
        </a:prstGeom>
        <a:noFill/>
        <a:ln w="1">
          <a:noFill/>
          <a:miter lim="800000"/>
          <a:headEnd/>
          <a:tailEnd type="none" w="med" len="med"/>
        </a:ln>
        <a:effectLst/>
      </xdr:spPr>
    </xdr:pic>
    <xdr:clientData/>
  </xdr:twoCellAnchor>
  <xdr:twoCellAnchor>
    <xdr:from>
      <xdr:col>2</xdr:col>
      <xdr:colOff>211668</xdr:colOff>
      <xdr:row>25</xdr:row>
      <xdr:rowOff>312400</xdr:rowOff>
    </xdr:from>
    <xdr:to>
      <xdr:col>2</xdr:col>
      <xdr:colOff>1127126</xdr:colOff>
      <xdr:row>26</xdr:row>
      <xdr:rowOff>211666</xdr:rowOff>
    </xdr:to>
    <xdr:pic>
      <xdr:nvPicPr>
        <xdr:cNvPr id="83" name="图片 70" descr="IPC2124SS-ADF28(40)KM-FR">
          <a:extLst>
            <a:ext uri="{FF2B5EF4-FFF2-40B4-BE49-F238E27FC236}">
              <a16:creationId xmlns:a16="http://schemas.microsoft.com/office/drawing/2014/main" id="{CDE115A4-7867-428B-86CE-B9CFDF4B9084}"/>
            </a:ext>
          </a:extLst>
        </xdr:cNvPr>
        <xdr:cNvPicPr>
          <a:picLocks noChangeAspect="1" noChangeArrowheads="1"/>
        </xdr:cNvPicPr>
      </xdr:nvPicPr>
      <xdr:blipFill>
        <a:blip xmlns:r="http://schemas.openxmlformats.org/officeDocument/2006/relationships" r:embed="rId30" cstate="email">
          <a:extLst>
            <a:ext uri="{28A0092B-C50C-407E-A947-70E740481C1C}">
              <a14:useLocalDpi xmlns:a14="http://schemas.microsoft.com/office/drawing/2010/main"/>
            </a:ext>
          </a:extLst>
        </a:blip>
        <a:srcRect/>
        <a:stretch>
          <a:fillRect/>
        </a:stretch>
      </xdr:blipFill>
      <xdr:spPr bwMode="auto">
        <a:xfrm>
          <a:off x="2550585" y="11218525"/>
          <a:ext cx="915458" cy="36493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204610</xdr:colOff>
      <xdr:row>65</xdr:row>
      <xdr:rowOff>197555</xdr:rowOff>
    </xdr:from>
    <xdr:ext cx="873625" cy="670278"/>
    <xdr:pic>
      <xdr:nvPicPr>
        <xdr:cNvPr id="84" name="图片 38" descr="\\info-server\产品资料库\05-产品宣传彩页\英文版\01 IPC\01 IPC\1.Easy\Dome\8MP\UNV IPC328LR3-DVSPF28(40)-F\图片\4K半球_F.png">
          <a:extLst>
            <a:ext uri="{FF2B5EF4-FFF2-40B4-BE49-F238E27FC236}">
              <a16:creationId xmlns:a16="http://schemas.microsoft.com/office/drawing/2014/main" id="{CF049654-3127-4BC2-8B7E-96E12DD8F5C1}"/>
            </a:ext>
          </a:extLst>
        </xdr:cNvPr>
        <xdr:cNvPicPr>
          <a:picLocks noChangeAspect="1"/>
        </xdr:cNvPicPr>
      </xdr:nvPicPr>
      <xdr:blipFill rotWithShape="1">
        <a:blip xmlns:r="http://schemas.openxmlformats.org/officeDocument/2006/relationships" r:embed="rId31" cstate="email">
          <a:extLst>
            <a:ext uri="{28A0092B-C50C-407E-A947-70E740481C1C}">
              <a14:useLocalDpi xmlns:a14="http://schemas.microsoft.com/office/drawing/2010/main"/>
            </a:ext>
          </a:extLst>
        </a:blip>
        <a:srcRect/>
        <a:stretch/>
      </xdr:blipFill>
      <xdr:spPr bwMode="auto">
        <a:xfrm>
          <a:off x="3608210" y="13418255"/>
          <a:ext cx="873625" cy="670278"/>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22249</xdr:colOff>
      <xdr:row>67</xdr:row>
      <xdr:rowOff>239889</xdr:rowOff>
    </xdr:from>
    <xdr:ext cx="873625" cy="670278"/>
    <xdr:pic>
      <xdr:nvPicPr>
        <xdr:cNvPr id="85" name="图片 38" descr="\\info-server\产品资料库\05-产品宣传彩页\英文版\01 IPC\01 IPC\1.Easy\Dome\8MP\UNV IPC328LR3-DVSPF28(40)-F\图片\4K半球_F.png">
          <a:extLst>
            <a:ext uri="{FF2B5EF4-FFF2-40B4-BE49-F238E27FC236}">
              <a16:creationId xmlns:a16="http://schemas.microsoft.com/office/drawing/2014/main" id="{89328A54-B034-44E9-B26D-9A9368E129B2}"/>
            </a:ext>
          </a:extLst>
        </xdr:cNvPr>
        <xdr:cNvPicPr>
          <a:picLocks noChangeAspect="1"/>
        </xdr:cNvPicPr>
      </xdr:nvPicPr>
      <xdr:blipFill rotWithShape="1">
        <a:blip xmlns:r="http://schemas.openxmlformats.org/officeDocument/2006/relationships" r:embed="rId31" cstate="email">
          <a:extLst>
            <a:ext uri="{28A0092B-C50C-407E-A947-70E740481C1C}">
              <a14:useLocalDpi xmlns:a14="http://schemas.microsoft.com/office/drawing/2010/main"/>
            </a:ext>
          </a:extLst>
        </a:blip>
        <a:srcRect/>
        <a:stretch/>
      </xdr:blipFill>
      <xdr:spPr bwMode="auto">
        <a:xfrm>
          <a:off x="2561166" y="32513764"/>
          <a:ext cx="873625" cy="670278"/>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53999</xdr:colOff>
      <xdr:row>69</xdr:row>
      <xdr:rowOff>119944</xdr:rowOff>
    </xdr:from>
    <xdr:ext cx="937609" cy="762000"/>
    <xdr:pic>
      <xdr:nvPicPr>
        <xdr:cNvPr id="86" name="图片 45" descr="\\info-server\产品资料库\09-01-产品图片库\02-海外\01- Network Camera\Easy\Dome\IPC361x(1).png">
          <a:extLst>
            <a:ext uri="{FF2B5EF4-FFF2-40B4-BE49-F238E27FC236}">
              <a16:creationId xmlns:a16="http://schemas.microsoft.com/office/drawing/2014/main" id="{D62D2D11-C4E3-4FE6-8FAF-F65B7B0342BE}"/>
            </a:ext>
          </a:extLst>
        </xdr:cNvPr>
        <xdr:cNvPicPr>
          <a:picLocks noChangeAspect="1"/>
        </xdr:cNvPicPr>
      </xdr:nvPicPr>
      <xdr:blipFill>
        <a:blip xmlns:r="http://schemas.openxmlformats.org/officeDocument/2006/relationships" r:embed="rId32" cstate="email">
          <a:extLst>
            <a:ext uri="{28A0092B-C50C-407E-A947-70E740481C1C}">
              <a14:useLocalDpi xmlns:a14="http://schemas.microsoft.com/office/drawing/2010/main"/>
            </a:ext>
          </a:extLst>
        </a:blip>
        <a:srcRect/>
        <a:stretch>
          <a:fillRect/>
        </a:stretch>
      </xdr:blipFill>
      <xdr:spPr>
        <a:xfrm>
          <a:off x="3657599" y="18839744"/>
          <a:ext cx="937609" cy="762000"/>
        </a:xfrm>
        <a:prstGeom prst="rect">
          <a:avLst/>
        </a:prstGeom>
        <a:noFill/>
        <a:ln>
          <a:noFill/>
        </a:ln>
      </xdr:spPr>
    </xdr:pic>
    <xdr:clientData/>
  </xdr:oneCellAnchor>
  <xdr:oneCellAnchor>
    <xdr:from>
      <xdr:col>2</xdr:col>
      <xdr:colOff>239889</xdr:colOff>
      <xdr:row>71</xdr:row>
      <xdr:rowOff>169334</xdr:rowOff>
    </xdr:from>
    <xdr:ext cx="937609" cy="762001"/>
    <xdr:pic>
      <xdr:nvPicPr>
        <xdr:cNvPr id="87" name="图片 45" descr="\\info-server\产品资料库\09-01-产品图片库\02-海外\01- Network Camera\Easy\Dome\IPC361x(1).png">
          <a:extLst>
            <a:ext uri="{FF2B5EF4-FFF2-40B4-BE49-F238E27FC236}">
              <a16:creationId xmlns:a16="http://schemas.microsoft.com/office/drawing/2014/main" id="{234E6021-100C-43EA-B9E7-18301496370E}"/>
            </a:ext>
          </a:extLst>
        </xdr:cNvPr>
        <xdr:cNvPicPr>
          <a:picLocks noChangeAspect="1"/>
        </xdr:cNvPicPr>
      </xdr:nvPicPr>
      <xdr:blipFill>
        <a:blip xmlns:r="http://schemas.openxmlformats.org/officeDocument/2006/relationships" r:embed="rId32" cstate="email">
          <a:extLst>
            <a:ext uri="{28A0092B-C50C-407E-A947-70E740481C1C}">
              <a14:useLocalDpi xmlns:a14="http://schemas.microsoft.com/office/drawing/2010/main"/>
            </a:ext>
          </a:extLst>
        </a:blip>
        <a:srcRect/>
        <a:stretch>
          <a:fillRect/>
        </a:stretch>
      </xdr:blipFill>
      <xdr:spPr>
        <a:xfrm>
          <a:off x="3643489" y="21048134"/>
          <a:ext cx="937609" cy="762001"/>
        </a:xfrm>
        <a:prstGeom prst="rect">
          <a:avLst/>
        </a:prstGeom>
        <a:noFill/>
        <a:ln>
          <a:noFill/>
        </a:ln>
      </xdr:spPr>
    </xdr:pic>
    <xdr:clientData/>
  </xdr:oneCellAnchor>
  <xdr:oneCellAnchor>
    <xdr:from>
      <xdr:col>2</xdr:col>
      <xdr:colOff>280988</xdr:colOff>
      <xdr:row>81</xdr:row>
      <xdr:rowOff>84139</xdr:rowOff>
    </xdr:from>
    <xdr:ext cx="837608" cy="728980"/>
    <xdr:pic>
      <xdr:nvPicPr>
        <xdr:cNvPr id="88" name="图片 45">
          <a:extLst>
            <a:ext uri="{FF2B5EF4-FFF2-40B4-BE49-F238E27FC236}">
              <a16:creationId xmlns:a16="http://schemas.microsoft.com/office/drawing/2014/main" id="{D0790CE0-0718-4F66-8B8F-782AC84A4829}"/>
            </a:ext>
          </a:extLst>
        </xdr:cNvPr>
        <xdr:cNvPicPr>
          <a:picLocks noChangeAspect="1"/>
        </xdr:cNvPicPr>
      </xdr:nvPicPr>
      <xdr:blipFill>
        <a:blip xmlns:r="http://schemas.openxmlformats.org/officeDocument/2006/relationships" r:embed="rId33" cstate="email">
          <a:extLst>
            <a:ext uri="{28A0092B-C50C-407E-A947-70E740481C1C}">
              <a14:useLocalDpi xmlns:a14="http://schemas.microsoft.com/office/drawing/2010/main"/>
            </a:ext>
          </a:extLst>
        </a:blip>
        <a:stretch>
          <a:fillRect/>
        </a:stretch>
      </xdr:blipFill>
      <xdr:spPr>
        <a:xfrm>
          <a:off x="3684588" y="29871989"/>
          <a:ext cx="837608" cy="728980"/>
        </a:xfrm>
        <a:prstGeom prst="rect">
          <a:avLst/>
        </a:prstGeom>
      </xdr:spPr>
    </xdr:pic>
    <xdr:clientData/>
  </xdr:oneCellAnchor>
  <xdr:oneCellAnchor>
    <xdr:from>
      <xdr:col>2</xdr:col>
      <xdr:colOff>262890</xdr:colOff>
      <xdr:row>77</xdr:row>
      <xdr:rowOff>227123</xdr:rowOff>
    </xdr:from>
    <xdr:ext cx="837608" cy="709821"/>
    <xdr:pic>
      <xdr:nvPicPr>
        <xdr:cNvPr id="89" name="图片 28">
          <a:extLst>
            <a:ext uri="{FF2B5EF4-FFF2-40B4-BE49-F238E27FC236}">
              <a16:creationId xmlns:a16="http://schemas.microsoft.com/office/drawing/2014/main" id="{BD40D5C6-D06B-4694-B56B-735937ADDF7D}"/>
            </a:ext>
          </a:extLst>
        </xdr:cNvPr>
        <xdr:cNvPicPr>
          <a:picLocks noChangeAspect="1"/>
        </xdr:cNvPicPr>
      </xdr:nvPicPr>
      <xdr:blipFill>
        <a:blip xmlns:r="http://schemas.openxmlformats.org/officeDocument/2006/relationships" r:embed="rId34" cstate="email">
          <a:extLst>
            <a:ext uri="{28A0092B-C50C-407E-A947-70E740481C1C}">
              <a14:useLocalDpi xmlns:a14="http://schemas.microsoft.com/office/drawing/2010/main"/>
            </a:ext>
          </a:extLst>
        </a:blip>
        <a:stretch>
          <a:fillRect/>
        </a:stretch>
      </xdr:blipFill>
      <xdr:spPr>
        <a:xfrm>
          <a:off x="3666490" y="27544823"/>
          <a:ext cx="837608" cy="709821"/>
        </a:xfrm>
        <a:prstGeom prst="rect">
          <a:avLst/>
        </a:prstGeom>
      </xdr:spPr>
    </xdr:pic>
    <xdr:clientData/>
  </xdr:oneCellAnchor>
  <xdr:oneCellAnchor>
    <xdr:from>
      <xdr:col>2</xdr:col>
      <xdr:colOff>257330</xdr:colOff>
      <xdr:row>79</xdr:row>
      <xdr:rowOff>204256</xdr:rowOff>
    </xdr:from>
    <xdr:ext cx="811097" cy="708557"/>
    <xdr:pic>
      <xdr:nvPicPr>
        <xdr:cNvPr id="90" name="Picture 4" descr="\\info-server\产品资料库\09-01-产品图片库\02-海外\01- Network Camera\UNV\3. fixed dome camera\IPC32X series\IPC32X\IPC32X.png">
          <a:extLst>
            <a:ext uri="{FF2B5EF4-FFF2-40B4-BE49-F238E27FC236}">
              <a16:creationId xmlns:a16="http://schemas.microsoft.com/office/drawing/2014/main" id="{5FF21996-9D1B-4D02-8515-14A76FA65771}"/>
            </a:ext>
          </a:extLst>
        </xdr:cNvPr>
        <xdr:cNvPicPr>
          <a:picLocks noChangeAspect="1" noChangeArrowheads="1"/>
        </xdr:cNvPicPr>
      </xdr:nvPicPr>
      <xdr:blipFill>
        <a:blip xmlns:r="http://schemas.openxmlformats.org/officeDocument/2006/relationships" r:embed="rId35" cstate="email">
          <a:extLst>
            <a:ext uri="{28A0092B-C50C-407E-A947-70E740481C1C}">
              <a14:useLocalDpi xmlns:a14="http://schemas.microsoft.com/office/drawing/2010/main"/>
            </a:ext>
          </a:extLst>
        </a:blip>
        <a:srcRect/>
        <a:stretch>
          <a:fillRect/>
        </a:stretch>
      </xdr:blipFill>
      <xdr:spPr>
        <a:xfrm>
          <a:off x="3660930" y="28709406"/>
          <a:ext cx="811097" cy="708557"/>
        </a:xfrm>
        <a:prstGeom prst="rect">
          <a:avLst/>
        </a:prstGeom>
        <a:noFill/>
      </xdr:spPr>
    </xdr:pic>
    <xdr:clientData/>
  </xdr:oneCellAnchor>
  <xdr:oneCellAnchor>
    <xdr:from>
      <xdr:col>2</xdr:col>
      <xdr:colOff>302861</xdr:colOff>
      <xdr:row>75</xdr:row>
      <xdr:rowOff>389643</xdr:rowOff>
    </xdr:from>
    <xdr:ext cx="837608" cy="716808"/>
    <xdr:pic>
      <xdr:nvPicPr>
        <xdr:cNvPr id="91" name="图片 29">
          <a:extLst>
            <a:ext uri="{FF2B5EF4-FFF2-40B4-BE49-F238E27FC236}">
              <a16:creationId xmlns:a16="http://schemas.microsoft.com/office/drawing/2014/main" id="{7168ECFE-D068-434C-90FC-F505A6AB8119}"/>
            </a:ext>
          </a:extLst>
        </xdr:cNvPr>
        <xdr:cNvPicPr>
          <a:picLocks noChangeAspect="1"/>
        </xdr:cNvPicPr>
      </xdr:nvPicPr>
      <xdr:blipFill>
        <a:blip xmlns:r="http://schemas.openxmlformats.org/officeDocument/2006/relationships" r:embed="rId36" cstate="email">
          <a:extLst>
            <a:ext uri="{28A0092B-C50C-407E-A947-70E740481C1C}">
              <a14:useLocalDpi xmlns:a14="http://schemas.microsoft.com/office/drawing/2010/main"/>
            </a:ext>
          </a:extLst>
        </a:blip>
        <a:stretch>
          <a:fillRect/>
        </a:stretch>
      </xdr:blipFill>
      <xdr:spPr>
        <a:xfrm>
          <a:off x="3706461" y="26316693"/>
          <a:ext cx="837608" cy="716808"/>
        </a:xfrm>
        <a:prstGeom prst="rect">
          <a:avLst/>
        </a:prstGeom>
      </xdr:spPr>
    </xdr:pic>
    <xdr:clientData/>
  </xdr:oneCellAnchor>
  <xdr:twoCellAnchor>
    <xdr:from>
      <xdr:col>2</xdr:col>
      <xdr:colOff>159405</xdr:colOff>
      <xdr:row>82</xdr:row>
      <xdr:rowOff>388587</xdr:rowOff>
    </xdr:from>
    <xdr:to>
      <xdr:col>2</xdr:col>
      <xdr:colOff>1145384</xdr:colOff>
      <xdr:row>83</xdr:row>
      <xdr:rowOff>264584</xdr:rowOff>
    </xdr:to>
    <xdr:pic>
      <xdr:nvPicPr>
        <xdr:cNvPr id="92" name="Picture 3" descr="\\info-server\产品资料库\09-01-产品图片库\01-国内\01-摄像机\蝶形机\蝶形机_F.png">
          <a:extLst>
            <a:ext uri="{FF2B5EF4-FFF2-40B4-BE49-F238E27FC236}">
              <a16:creationId xmlns:a16="http://schemas.microsoft.com/office/drawing/2014/main" id="{050A942D-7BEA-476F-A0C3-FC646A1878E6}"/>
            </a:ext>
          </a:extLst>
        </xdr:cNvPr>
        <xdr:cNvPicPr>
          <a:picLocks noChangeAspect="1" noChangeArrowheads="1"/>
        </xdr:cNvPicPr>
      </xdr:nvPicPr>
      <xdr:blipFill>
        <a:blip xmlns:r="http://schemas.openxmlformats.org/officeDocument/2006/relationships" r:embed="rId37" cstate="email">
          <a:extLst>
            <a:ext uri="{28A0092B-C50C-407E-A947-70E740481C1C}">
              <a14:useLocalDpi xmlns:a14="http://schemas.microsoft.com/office/drawing/2010/main"/>
            </a:ext>
          </a:extLst>
        </a:blip>
        <a:srcRect/>
        <a:stretch>
          <a:fillRect/>
        </a:stretch>
      </xdr:blipFill>
      <xdr:spPr>
        <a:xfrm>
          <a:off x="3563005" y="31078137"/>
          <a:ext cx="985979" cy="530047"/>
        </a:xfrm>
        <a:prstGeom prst="rect">
          <a:avLst/>
        </a:prstGeom>
        <a:noFill/>
      </xdr:spPr>
    </xdr:pic>
    <xdr:clientData/>
  </xdr:twoCellAnchor>
  <xdr:twoCellAnchor>
    <xdr:from>
      <xdr:col>2</xdr:col>
      <xdr:colOff>239661</xdr:colOff>
      <xdr:row>84</xdr:row>
      <xdr:rowOff>336554</xdr:rowOff>
    </xdr:from>
    <xdr:to>
      <xdr:col>2</xdr:col>
      <xdr:colOff>1199445</xdr:colOff>
      <xdr:row>85</xdr:row>
      <xdr:rowOff>270824</xdr:rowOff>
    </xdr:to>
    <xdr:pic>
      <xdr:nvPicPr>
        <xdr:cNvPr id="93" name="Picture 3" descr="\\info-server\产品资料库\09-01-产品图片库\01-国内\01-摄像机\蝶形机\蝶形机_F.png">
          <a:extLst>
            <a:ext uri="{FF2B5EF4-FFF2-40B4-BE49-F238E27FC236}">
              <a16:creationId xmlns:a16="http://schemas.microsoft.com/office/drawing/2014/main" id="{D0160DE7-A4E7-45E8-86C2-1B06AF707CEB}"/>
            </a:ext>
          </a:extLst>
        </xdr:cNvPr>
        <xdr:cNvPicPr>
          <a:picLocks noChangeAspect="1" noChangeArrowheads="1"/>
        </xdr:cNvPicPr>
      </xdr:nvPicPr>
      <xdr:blipFill>
        <a:blip xmlns:r="http://schemas.openxmlformats.org/officeDocument/2006/relationships" r:embed="rId38" cstate="email">
          <a:extLst>
            <a:ext uri="{28A0092B-C50C-407E-A947-70E740481C1C}">
              <a14:useLocalDpi xmlns:a14="http://schemas.microsoft.com/office/drawing/2010/main"/>
            </a:ext>
          </a:extLst>
        </a:blip>
        <a:srcRect/>
        <a:stretch>
          <a:fillRect/>
        </a:stretch>
      </xdr:blipFill>
      <xdr:spPr>
        <a:xfrm>
          <a:off x="3643261" y="32226254"/>
          <a:ext cx="959784" cy="512120"/>
        </a:xfrm>
        <a:prstGeom prst="rect">
          <a:avLst/>
        </a:prstGeom>
        <a:noFill/>
      </xdr:spPr>
    </xdr:pic>
    <xdr:clientData/>
  </xdr:twoCellAnchor>
  <xdr:oneCellAnchor>
    <xdr:from>
      <xdr:col>2</xdr:col>
      <xdr:colOff>275167</xdr:colOff>
      <xdr:row>73</xdr:row>
      <xdr:rowOff>289278</xdr:rowOff>
    </xdr:from>
    <xdr:ext cx="783167" cy="599722"/>
    <xdr:pic>
      <xdr:nvPicPr>
        <xdr:cNvPr id="94" name="图片 84" descr="\\Inforsrv-new\产品资料库\05-产品宣传彩页\英文版\01 IPC\01 IPC\3.Prime I\Dome\4MP\UNV IPC324SR3-DVPF28(40)-F\图片\-F半球_F.png">
          <a:extLst>
            <a:ext uri="{FF2B5EF4-FFF2-40B4-BE49-F238E27FC236}">
              <a16:creationId xmlns:a16="http://schemas.microsoft.com/office/drawing/2014/main" id="{AB8F890F-640B-4452-888F-A6CE90FE1AF3}"/>
            </a:ext>
          </a:extLst>
        </xdr:cNvPr>
        <xdr:cNvPicPr/>
      </xdr:nvPicPr>
      <xdr:blipFill rotWithShape="1">
        <a:blip xmlns:r="http://schemas.openxmlformats.org/officeDocument/2006/relationships" r:embed="rId39" cstate="email">
          <a:extLst>
            <a:ext uri="{28A0092B-C50C-407E-A947-70E740481C1C}">
              <a14:useLocalDpi xmlns:a14="http://schemas.microsoft.com/office/drawing/2010/main"/>
            </a:ext>
          </a:extLst>
        </a:blip>
        <a:srcRect/>
        <a:stretch/>
      </xdr:blipFill>
      <xdr:spPr bwMode="auto">
        <a:xfrm>
          <a:off x="3678767" y="25035228"/>
          <a:ext cx="783167" cy="599722"/>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40771</xdr:colOff>
      <xdr:row>96</xdr:row>
      <xdr:rowOff>67027</xdr:rowOff>
    </xdr:from>
    <xdr:ext cx="928688" cy="447145"/>
    <xdr:pic>
      <xdr:nvPicPr>
        <xdr:cNvPr id="95" name="图片 51" descr="\\info-server\产品资料库\05-产品宣传彩页\英文版\01 IPC\01 IPC\1.Easy\Bullet\5MP\UNV IPC2325LBR3-SP(Z28)-D\图片\IPC232X-FR.png">
          <a:extLst>
            <a:ext uri="{FF2B5EF4-FFF2-40B4-BE49-F238E27FC236}">
              <a16:creationId xmlns:a16="http://schemas.microsoft.com/office/drawing/2014/main" id="{6491EABC-98CF-4491-8C54-D788FE8F1DC3}"/>
            </a:ext>
          </a:extLst>
        </xdr:cNvPr>
        <xdr:cNvPicPr/>
      </xdr:nvPicPr>
      <xdr:blipFill rotWithShape="1">
        <a:blip xmlns:r="http://schemas.openxmlformats.org/officeDocument/2006/relationships" r:embed="rId40" cstate="email">
          <a:extLst>
            <a:ext uri="{28A0092B-C50C-407E-A947-70E740481C1C}">
              <a14:useLocalDpi xmlns:a14="http://schemas.microsoft.com/office/drawing/2010/main"/>
            </a:ext>
          </a:extLst>
        </a:blip>
        <a:srcRect/>
        <a:stretch/>
      </xdr:blipFill>
      <xdr:spPr bwMode="auto">
        <a:xfrm>
          <a:off x="2579688" y="47702610"/>
          <a:ext cx="928688" cy="447145"/>
        </a:xfrm>
        <a:prstGeom prst="rect">
          <a:avLst/>
        </a:prstGeom>
        <a:noFill/>
        <a:ln>
          <a:noFill/>
        </a:ln>
        <a:extLst>
          <a:ext uri="{53640926-AAD7-44D8-BBD7-CCE9431645EC}">
            <a14:shadowObscured xmlns:a14="http://schemas.microsoft.com/office/drawing/2010/main"/>
          </a:ext>
        </a:extLst>
      </xdr:spPr>
    </xdr:pic>
    <xdr:clientData/>
  </xdr:oneCellAnchor>
  <xdr:twoCellAnchor>
    <xdr:from>
      <xdr:col>2</xdr:col>
      <xdr:colOff>252236</xdr:colOff>
      <xdr:row>97</xdr:row>
      <xdr:rowOff>149930</xdr:rowOff>
    </xdr:from>
    <xdr:to>
      <xdr:col>2</xdr:col>
      <xdr:colOff>1138251</xdr:colOff>
      <xdr:row>97</xdr:row>
      <xdr:rowOff>587374</xdr:rowOff>
    </xdr:to>
    <xdr:pic>
      <xdr:nvPicPr>
        <xdr:cNvPr id="96" name="图片 83" descr="IPC2324SS-DZK-LF">
          <a:extLst>
            <a:ext uri="{FF2B5EF4-FFF2-40B4-BE49-F238E27FC236}">
              <a16:creationId xmlns:a16="http://schemas.microsoft.com/office/drawing/2014/main" id="{4BB51F0D-FA3F-452C-ABD4-25684CBAE64E}"/>
            </a:ext>
          </a:extLst>
        </xdr:cNvPr>
        <xdr:cNvPicPr>
          <a:picLocks noChangeAspect="1" noChangeArrowheads="1"/>
        </xdr:cNvPicPr>
      </xdr:nvPicPr>
      <xdr:blipFill>
        <a:blip xmlns:r="http://schemas.openxmlformats.org/officeDocument/2006/relationships" r:embed="rId41" cstate="email">
          <a:extLst>
            <a:ext uri="{28A0092B-C50C-407E-A947-70E740481C1C}">
              <a14:useLocalDpi xmlns:a14="http://schemas.microsoft.com/office/drawing/2010/main"/>
            </a:ext>
          </a:extLst>
        </a:blip>
        <a:srcRect/>
        <a:stretch>
          <a:fillRect/>
        </a:stretch>
      </xdr:blipFill>
      <xdr:spPr bwMode="auto">
        <a:xfrm>
          <a:off x="2591153" y="48362305"/>
          <a:ext cx="886015" cy="437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2</xdr:col>
      <xdr:colOff>261055</xdr:colOff>
      <xdr:row>98</xdr:row>
      <xdr:rowOff>132291</xdr:rowOff>
    </xdr:from>
    <xdr:ext cx="928688" cy="447145"/>
    <xdr:pic>
      <xdr:nvPicPr>
        <xdr:cNvPr id="97" name="图片 51" descr="\\info-server\产品资料库\05-产品宣传彩页\英文版\01 IPC\01 IPC\1.Easy\Bullet\5MP\UNV IPC2325LBR3-SP(Z28)-D\图片\IPC232X-FR.png">
          <a:extLst>
            <a:ext uri="{FF2B5EF4-FFF2-40B4-BE49-F238E27FC236}">
              <a16:creationId xmlns:a16="http://schemas.microsoft.com/office/drawing/2014/main" id="{E3553E1E-73BB-4A83-9E2C-A1BC10114372}"/>
            </a:ext>
          </a:extLst>
        </xdr:cNvPr>
        <xdr:cNvPicPr/>
      </xdr:nvPicPr>
      <xdr:blipFill rotWithShape="1">
        <a:blip xmlns:r="http://schemas.openxmlformats.org/officeDocument/2006/relationships" r:embed="rId40" cstate="email">
          <a:extLst>
            <a:ext uri="{28A0092B-C50C-407E-A947-70E740481C1C}">
              <a14:useLocalDpi xmlns:a14="http://schemas.microsoft.com/office/drawing/2010/main"/>
            </a:ext>
          </a:extLst>
        </a:blip>
        <a:srcRect/>
        <a:stretch/>
      </xdr:blipFill>
      <xdr:spPr bwMode="auto">
        <a:xfrm>
          <a:off x="2599972" y="49032583"/>
          <a:ext cx="928688" cy="447145"/>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80458</xdr:colOff>
      <xdr:row>99</xdr:row>
      <xdr:rowOff>82339</xdr:rowOff>
    </xdr:from>
    <xdr:ext cx="795866" cy="409787"/>
    <xdr:pic>
      <xdr:nvPicPr>
        <xdr:cNvPr id="98" name="图片 26" descr="\\info-server\产品资料库\09-01-产品图片库\02-海外\01- Network Camera\UNV\2. bullet camera\IPC232X series\新\png-用于胶片或网站\IPC232X_FL.png">
          <a:extLst>
            <a:ext uri="{FF2B5EF4-FFF2-40B4-BE49-F238E27FC236}">
              <a16:creationId xmlns:a16="http://schemas.microsoft.com/office/drawing/2014/main" id="{CE548C2B-902D-42F9-AEF4-5B62559060BD}"/>
            </a:ext>
          </a:extLst>
        </xdr:cNvPr>
        <xdr:cNvPicPr/>
      </xdr:nvPicPr>
      <xdr:blipFill>
        <a:blip xmlns:r="http://schemas.openxmlformats.org/officeDocument/2006/relationships" r:embed="rId42" cstate="email">
          <a:extLst>
            <a:ext uri="{28A0092B-C50C-407E-A947-70E740481C1C}">
              <a14:useLocalDpi xmlns:a14="http://schemas.microsoft.com/office/drawing/2010/main"/>
            </a:ext>
          </a:extLst>
        </a:blip>
        <a:srcRect/>
        <a:stretch>
          <a:fillRect/>
        </a:stretch>
      </xdr:blipFill>
      <xdr:spPr>
        <a:xfrm>
          <a:off x="2619375" y="49670547"/>
          <a:ext cx="795866" cy="409787"/>
        </a:xfrm>
        <a:prstGeom prst="rect">
          <a:avLst/>
        </a:prstGeom>
        <a:noFill/>
        <a:ln>
          <a:noFill/>
        </a:ln>
      </xdr:spPr>
    </xdr:pic>
    <xdr:clientData/>
  </xdr:oneCellAnchor>
  <xdr:oneCellAnchor>
    <xdr:from>
      <xdr:col>2</xdr:col>
      <xdr:colOff>275166</xdr:colOff>
      <xdr:row>103</xdr:row>
      <xdr:rowOff>85301</xdr:rowOff>
    </xdr:from>
    <xdr:ext cx="873547" cy="433282"/>
    <xdr:pic>
      <xdr:nvPicPr>
        <xdr:cNvPr id="99" name="图片 35" descr="\\info-server\产品资料库\09-01-产品图片库\02-海外\01- Network Camera\UNV\2. bullet camera\IPC232X series\新\png-用于胶片或网站\IPC232X_FL.png">
          <a:extLst>
            <a:ext uri="{FF2B5EF4-FFF2-40B4-BE49-F238E27FC236}">
              <a16:creationId xmlns:a16="http://schemas.microsoft.com/office/drawing/2014/main" id="{D0D70B66-B88B-4AF2-87A0-EA335E231809}"/>
            </a:ext>
          </a:extLst>
        </xdr:cNvPr>
        <xdr:cNvPicPr/>
      </xdr:nvPicPr>
      <xdr:blipFill>
        <a:blip xmlns:r="http://schemas.openxmlformats.org/officeDocument/2006/relationships" r:embed="rId43" cstate="email">
          <a:extLst>
            <a:ext uri="{28A0092B-C50C-407E-A947-70E740481C1C}">
              <a14:useLocalDpi xmlns:a14="http://schemas.microsoft.com/office/drawing/2010/main"/>
            </a:ext>
          </a:extLst>
        </a:blip>
        <a:srcRect/>
        <a:stretch>
          <a:fillRect/>
        </a:stretch>
      </xdr:blipFill>
      <xdr:spPr>
        <a:xfrm>
          <a:off x="2614083" y="52107676"/>
          <a:ext cx="873547" cy="433282"/>
        </a:xfrm>
        <a:prstGeom prst="rect">
          <a:avLst/>
        </a:prstGeom>
        <a:noFill/>
        <a:ln>
          <a:noFill/>
        </a:ln>
      </xdr:spPr>
    </xdr:pic>
    <xdr:clientData/>
  </xdr:oneCellAnchor>
  <xdr:oneCellAnchor>
    <xdr:from>
      <xdr:col>2</xdr:col>
      <xdr:colOff>221316</xdr:colOff>
      <xdr:row>101</xdr:row>
      <xdr:rowOff>28047</xdr:rowOff>
    </xdr:from>
    <xdr:ext cx="914345" cy="516996"/>
    <xdr:pic>
      <xdr:nvPicPr>
        <xdr:cNvPr id="100" name="Picture 2" descr="\\info-server\产品资料库\09-01-产品图片库\02-海外\01- Network Camera\UNV\2. bullet camera\IPC232X series\新\png-用于胶片或网站\IPC232X_FL.png">
          <a:extLst>
            <a:ext uri="{FF2B5EF4-FFF2-40B4-BE49-F238E27FC236}">
              <a16:creationId xmlns:a16="http://schemas.microsoft.com/office/drawing/2014/main" id="{0120850B-881A-4D44-B9E6-09153AE885B0}"/>
            </a:ext>
          </a:extLst>
        </xdr:cNvPr>
        <xdr:cNvPicPr>
          <a:picLocks noChangeAspect="1" noChangeArrowheads="1"/>
        </xdr:cNvPicPr>
      </xdr:nvPicPr>
      <xdr:blipFill>
        <a:blip xmlns:r="http://schemas.openxmlformats.org/officeDocument/2006/relationships" r:embed="rId44" cstate="email">
          <a:extLst>
            <a:ext uri="{28A0092B-C50C-407E-A947-70E740481C1C}">
              <a14:useLocalDpi xmlns:a14="http://schemas.microsoft.com/office/drawing/2010/main"/>
            </a:ext>
          </a:extLst>
        </a:blip>
        <a:srcRect/>
        <a:stretch>
          <a:fillRect/>
        </a:stretch>
      </xdr:blipFill>
      <xdr:spPr>
        <a:xfrm>
          <a:off x="2560233" y="50833339"/>
          <a:ext cx="914345" cy="516996"/>
        </a:xfrm>
        <a:prstGeom prst="rect">
          <a:avLst/>
        </a:prstGeom>
        <a:noFill/>
      </xdr:spPr>
    </xdr:pic>
    <xdr:clientData/>
  </xdr:oneCellAnchor>
  <xdr:oneCellAnchor>
    <xdr:from>
      <xdr:col>2</xdr:col>
      <xdr:colOff>63500</xdr:colOff>
      <xdr:row>111</xdr:row>
      <xdr:rowOff>596195</xdr:rowOff>
    </xdr:from>
    <xdr:ext cx="1095375" cy="631471"/>
    <xdr:pic>
      <xdr:nvPicPr>
        <xdr:cNvPr id="101" name="图片 55" descr="\\info-server\产品资料库\09-01-产品图片库\IDG\01-产品效果图\01-摄像机\产品渲染图总汇\半球类\无尾线半球\无尾线经济变焦半球-UNV\无尾线经济变焦半球-UNV_F.png">
          <a:extLst>
            <a:ext uri="{FF2B5EF4-FFF2-40B4-BE49-F238E27FC236}">
              <a16:creationId xmlns:a16="http://schemas.microsoft.com/office/drawing/2014/main" id="{A80AA13C-4EB0-4BFF-B8AF-53A86268AA38}"/>
            </a:ext>
          </a:extLst>
        </xdr:cNvPr>
        <xdr:cNvPicPr/>
      </xdr:nvPicPr>
      <xdr:blipFill>
        <a:blip xmlns:r="http://schemas.openxmlformats.org/officeDocument/2006/relationships" r:embed="rId45" cstate="email">
          <a:extLst>
            <a:ext uri="{28A0092B-C50C-407E-A947-70E740481C1C}">
              <a14:useLocalDpi xmlns:a14="http://schemas.microsoft.com/office/drawing/2010/main"/>
            </a:ext>
          </a:extLst>
        </a:blip>
        <a:srcRect/>
        <a:stretch>
          <a:fillRect/>
        </a:stretch>
      </xdr:blipFill>
      <xdr:spPr bwMode="auto">
        <a:xfrm>
          <a:off x="2402417" y="56465612"/>
          <a:ext cx="1095375" cy="631471"/>
        </a:xfrm>
        <a:prstGeom prst="rect">
          <a:avLst/>
        </a:prstGeom>
        <a:noFill/>
        <a:ln>
          <a:noFill/>
        </a:ln>
      </xdr:spPr>
    </xdr:pic>
    <xdr:clientData/>
  </xdr:oneCellAnchor>
  <xdr:oneCellAnchor>
    <xdr:from>
      <xdr:col>2</xdr:col>
      <xdr:colOff>123825</xdr:colOff>
      <xdr:row>113</xdr:row>
      <xdr:rowOff>44098</xdr:rowOff>
    </xdr:from>
    <xdr:ext cx="1008591" cy="511528"/>
    <xdr:pic>
      <xdr:nvPicPr>
        <xdr:cNvPr id="102" name="图片 55" descr="\\info-server\产品资料库\09-01-产品图片库\IDG\01-产品效果图\01-摄像机\产品渲染图总汇\半球类\无尾线半球\无尾线经济变焦半球-UNV\无尾线经济变焦半球-UNV_F.png">
          <a:extLst>
            <a:ext uri="{FF2B5EF4-FFF2-40B4-BE49-F238E27FC236}">
              <a16:creationId xmlns:a16="http://schemas.microsoft.com/office/drawing/2014/main" id="{59C22FAB-83DA-42DD-9E8C-A2523F1CDFA9}"/>
            </a:ext>
          </a:extLst>
        </xdr:cNvPr>
        <xdr:cNvPicPr/>
      </xdr:nvPicPr>
      <xdr:blipFill>
        <a:blip xmlns:r="http://schemas.openxmlformats.org/officeDocument/2006/relationships" r:embed="rId46" cstate="email">
          <a:extLst>
            <a:ext uri="{28A0092B-C50C-407E-A947-70E740481C1C}">
              <a14:useLocalDpi xmlns:a14="http://schemas.microsoft.com/office/drawing/2010/main"/>
            </a:ext>
          </a:extLst>
        </a:blip>
        <a:srcRect/>
        <a:stretch>
          <a:fillRect/>
        </a:stretch>
      </xdr:blipFill>
      <xdr:spPr bwMode="auto">
        <a:xfrm>
          <a:off x="2462742" y="57088265"/>
          <a:ext cx="1008591" cy="511528"/>
        </a:xfrm>
        <a:prstGeom prst="rect">
          <a:avLst/>
        </a:prstGeom>
        <a:noFill/>
        <a:ln>
          <a:noFill/>
        </a:ln>
      </xdr:spPr>
    </xdr:pic>
    <xdr:clientData/>
  </xdr:oneCellAnchor>
  <xdr:oneCellAnchor>
    <xdr:from>
      <xdr:col>2</xdr:col>
      <xdr:colOff>388939</xdr:colOff>
      <xdr:row>114</xdr:row>
      <xdr:rowOff>27338</xdr:rowOff>
    </xdr:from>
    <xdr:ext cx="531812" cy="475369"/>
    <xdr:pic>
      <xdr:nvPicPr>
        <xdr:cNvPr id="103" name="图片 54">
          <a:extLst>
            <a:ext uri="{FF2B5EF4-FFF2-40B4-BE49-F238E27FC236}">
              <a16:creationId xmlns:a16="http://schemas.microsoft.com/office/drawing/2014/main" id="{4595A1AB-1C02-44A2-A7E5-570219895561}"/>
            </a:ext>
          </a:extLst>
        </xdr:cNvPr>
        <xdr:cNvPicPr/>
      </xdr:nvPicPr>
      <xdr:blipFill>
        <a:blip xmlns:r="http://schemas.openxmlformats.org/officeDocument/2006/relationships" r:embed="rId47" cstate="email">
          <a:extLst>
            <a:ext uri="{28A0092B-C50C-407E-A947-70E740481C1C}">
              <a14:useLocalDpi xmlns:a14="http://schemas.microsoft.com/office/drawing/2010/main"/>
            </a:ext>
          </a:extLst>
        </a:blip>
        <a:srcRect/>
        <a:stretch>
          <a:fillRect/>
        </a:stretch>
      </xdr:blipFill>
      <xdr:spPr>
        <a:xfrm>
          <a:off x="2727856" y="57611255"/>
          <a:ext cx="531812" cy="475369"/>
        </a:xfrm>
        <a:prstGeom prst="rect">
          <a:avLst/>
        </a:prstGeom>
        <a:noFill/>
        <a:ln>
          <a:noFill/>
        </a:ln>
      </xdr:spPr>
    </xdr:pic>
    <xdr:clientData/>
  </xdr:oneCellAnchor>
  <xdr:oneCellAnchor>
    <xdr:from>
      <xdr:col>2</xdr:col>
      <xdr:colOff>379236</xdr:colOff>
      <xdr:row>115</xdr:row>
      <xdr:rowOff>75847</xdr:rowOff>
    </xdr:from>
    <xdr:ext cx="520348" cy="469194"/>
    <xdr:pic>
      <xdr:nvPicPr>
        <xdr:cNvPr id="104" name="图片 82" descr="方视窗海螺-F">
          <a:extLst>
            <a:ext uri="{FF2B5EF4-FFF2-40B4-BE49-F238E27FC236}">
              <a16:creationId xmlns:a16="http://schemas.microsoft.com/office/drawing/2014/main" id="{5A09921B-484C-487B-A0D2-1CBC60A68512}"/>
            </a:ext>
          </a:extLst>
        </xdr:cNvPr>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bwMode="auto">
        <a:xfrm>
          <a:off x="2718153" y="58199514"/>
          <a:ext cx="520348" cy="469194"/>
        </a:xfrm>
        <a:prstGeom prst="rect">
          <a:avLst/>
        </a:prstGeom>
        <a:noFill/>
        <a:ln>
          <a:noFill/>
        </a:ln>
      </xdr:spPr>
    </xdr:pic>
    <xdr:clientData/>
  </xdr:oneCellAnchor>
  <xdr:oneCellAnchor>
    <xdr:from>
      <xdr:col>2</xdr:col>
      <xdr:colOff>388055</xdr:colOff>
      <xdr:row>116</xdr:row>
      <xdr:rowOff>100541</xdr:rowOff>
    </xdr:from>
    <xdr:ext cx="527403" cy="433917"/>
    <xdr:pic>
      <xdr:nvPicPr>
        <xdr:cNvPr id="105" name="图片 54">
          <a:extLst>
            <a:ext uri="{FF2B5EF4-FFF2-40B4-BE49-F238E27FC236}">
              <a16:creationId xmlns:a16="http://schemas.microsoft.com/office/drawing/2014/main" id="{EDC119C3-DE2E-4159-BDB7-7A0E2D471F94}"/>
            </a:ext>
          </a:extLst>
        </xdr:cNvPr>
        <xdr:cNvPicPr/>
      </xdr:nvPicPr>
      <xdr:blipFill>
        <a:blip xmlns:r="http://schemas.openxmlformats.org/officeDocument/2006/relationships" r:embed="rId49" cstate="email">
          <a:extLst>
            <a:ext uri="{28A0092B-C50C-407E-A947-70E740481C1C}">
              <a14:useLocalDpi xmlns:a14="http://schemas.microsoft.com/office/drawing/2010/main"/>
            </a:ext>
          </a:extLst>
        </a:blip>
        <a:srcRect/>
        <a:stretch>
          <a:fillRect/>
        </a:stretch>
      </xdr:blipFill>
      <xdr:spPr>
        <a:xfrm>
          <a:off x="2726972" y="58763958"/>
          <a:ext cx="527403" cy="433917"/>
        </a:xfrm>
        <a:prstGeom prst="rect">
          <a:avLst/>
        </a:prstGeom>
        <a:noFill/>
        <a:ln>
          <a:noFill/>
        </a:ln>
      </xdr:spPr>
    </xdr:pic>
    <xdr:clientData/>
  </xdr:oneCellAnchor>
  <xdr:oneCellAnchor>
    <xdr:from>
      <xdr:col>2</xdr:col>
      <xdr:colOff>320625</xdr:colOff>
      <xdr:row>117</xdr:row>
      <xdr:rowOff>58220</xdr:rowOff>
    </xdr:from>
    <xdr:ext cx="526041" cy="465655"/>
    <xdr:pic>
      <xdr:nvPicPr>
        <xdr:cNvPr id="106" name="图片 34" descr="\\info-server\产品资料库\09-01-产品图片库\01-国内\01-摄像机\IPC3238ER3-DVZ、IPC3232ER3-DUVZ\png-用于胶片或网站\IPC3238ER3-DVZ、IPC3232ER3-DUVZ_F.png">
          <a:extLst>
            <a:ext uri="{FF2B5EF4-FFF2-40B4-BE49-F238E27FC236}">
              <a16:creationId xmlns:a16="http://schemas.microsoft.com/office/drawing/2014/main" id="{640B2E6C-BDA0-44A1-9E01-2F1E07A8B5F8}"/>
            </a:ext>
          </a:extLst>
        </xdr:cNvPr>
        <xdr:cNvPicPr/>
      </xdr:nvPicPr>
      <xdr:blipFill>
        <a:blip xmlns:r="http://schemas.openxmlformats.org/officeDocument/2006/relationships" r:embed="rId50" cstate="email">
          <a:extLst>
            <a:ext uri="{28A0092B-C50C-407E-A947-70E740481C1C}">
              <a14:useLocalDpi xmlns:a14="http://schemas.microsoft.com/office/drawing/2010/main"/>
            </a:ext>
          </a:extLst>
        </a:blip>
        <a:srcRect/>
        <a:stretch>
          <a:fillRect/>
        </a:stretch>
      </xdr:blipFill>
      <xdr:spPr>
        <a:xfrm>
          <a:off x="2659542" y="59261387"/>
          <a:ext cx="526041" cy="465655"/>
        </a:xfrm>
        <a:prstGeom prst="rect">
          <a:avLst/>
        </a:prstGeom>
        <a:noFill/>
        <a:ln>
          <a:noFill/>
        </a:ln>
      </xdr:spPr>
    </xdr:pic>
    <xdr:clientData/>
  </xdr:oneCellAnchor>
  <xdr:oneCellAnchor>
    <xdr:from>
      <xdr:col>2</xdr:col>
      <xdr:colOff>348721</xdr:colOff>
      <xdr:row>119</xdr:row>
      <xdr:rowOff>25575</xdr:rowOff>
    </xdr:from>
    <xdr:ext cx="624945" cy="479314"/>
    <xdr:pic>
      <xdr:nvPicPr>
        <xdr:cNvPr id="107" name="图片 33">
          <a:extLst>
            <a:ext uri="{FF2B5EF4-FFF2-40B4-BE49-F238E27FC236}">
              <a16:creationId xmlns:a16="http://schemas.microsoft.com/office/drawing/2014/main" id="{82D98092-4841-43CE-AABE-71E023264BC1}"/>
            </a:ext>
          </a:extLst>
        </xdr:cNvPr>
        <xdr:cNvPicPr>
          <a:picLocks noChangeAspect="1"/>
        </xdr:cNvPicPr>
      </xdr:nvPicPr>
      <xdr:blipFill>
        <a:blip xmlns:r="http://schemas.openxmlformats.org/officeDocument/2006/relationships" r:embed="rId51" cstate="email">
          <a:extLst>
            <a:ext uri="{28A0092B-C50C-407E-A947-70E740481C1C}">
              <a14:useLocalDpi xmlns:a14="http://schemas.microsoft.com/office/drawing/2010/main"/>
            </a:ext>
          </a:extLst>
        </a:blip>
        <a:stretch>
          <a:fillRect/>
        </a:stretch>
      </xdr:blipFill>
      <xdr:spPr>
        <a:xfrm>
          <a:off x="2687638" y="60308242"/>
          <a:ext cx="624945" cy="479314"/>
        </a:xfrm>
        <a:prstGeom prst="rect">
          <a:avLst/>
        </a:prstGeom>
      </xdr:spPr>
    </xdr:pic>
    <xdr:clientData/>
  </xdr:oneCellAnchor>
  <xdr:oneCellAnchor>
    <xdr:from>
      <xdr:col>2</xdr:col>
      <xdr:colOff>372005</xdr:colOff>
      <xdr:row>120</xdr:row>
      <xdr:rowOff>19792</xdr:rowOff>
    </xdr:from>
    <xdr:ext cx="612246" cy="496077"/>
    <xdr:pic>
      <xdr:nvPicPr>
        <xdr:cNvPr id="108" name="图片 36">
          <a:extLst>
            <a:ext uri="{FF2B5EF4-FFF2-40B4-BE49-F238E27FC236}">
              <a16:creationId xmlns:a16="http://schemas.microsoft.com/office/drawing/2014/main" id="{A8233AF0-D597-4CC1-BA24-EC6A985816F9}"/>
            </a:ext>
          </a:extLst>
        </xdr:cNvPr>
        <xdr:cNvPicPr>
          <a:picLocks noChangeAspect="1"/>
        </xdr:cNvPicPr>
      </xdr:nvPicPr>
      <xdr:blipFill>
        <a:blip xmlns:r="http://schemas.openxmlformats.org/officeDocument/2006/relationships" r:embed="rId52" cstate="email">
          <a:extLst>
            <a:ext uri="{28A0092B-C50C-407E-A947-70E740481C1C}">
              <a14:useLocalDpi xmlns:a14="http://schemas.microsoft.com/office/drawing/2010/main"/>
            </a:ext>
          </a:extLst>
        </a:blip>
        <a:stretch>
          <a:fillRect/>
        </a:stretch>
      </xdr:blipFill>
      <xdr:spPr>
        <a:xfrm>
          <a:off x="2710922" y="60842209"/>
          <a:ext cx="612246" cy="496077"/>
        </a:xfrm>
        <a:prstGeom prst="rect">
          <a:avLst/>
        </a:prstGeom>
      </xdr:spPr>
    </xdr:pic>
    <xdr:clientData/>
  </xdr:oneCellAnchor>
  <xdr:oneCellAnchor>
    <xdr:from>
      <xdr:col>2</xdr:col>
      <xdr:colOff>231338</xdr:colOff>
      <xdr:row>122</xdr:row>
      <xdr:rowOff>258395</xdr:rowOff>
    </xdr:from>
    <xdr:ext cx="893882" cy="633506"/>
    <xdr:pic>
      <xdr:nvPicPr>
        <xdr:cNvPr id="109" name="Picture 2" descr="\\info-server\产品资料库\09-01-产品图片库\02-海外\01- Network Camera\UNV\3. fixed dome camera\IPC323X series\新\IPC3238ER3-DVZ、IPC3232ER3-DUVZ\png-用于胶片或网站\IPC3238ER3-DVZ、IPC3232ER3-DUVZ_F.png">
          <a:extLst>
            <a:ext uri="{FF2B5EF4-FFF2-40B4-BE49-F238E27FC236}">
              <a16:creationId xmlns:a16="http://schemas.microsoft.com/office/drawing/2014/main" id="{BAF421B5-6E01-4930-A6A5-470825E4FC75}"/>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a:ext>
          </a:extLst>
        </a:blip>
        <a:srcRect/>
        <a:stretch>
          <a:fillRect/>
        </a:stretch>
      </xdr:blipFill>
      <xdr:spPr>
        <a:xfrm>
          <a:off x="2564963" y="62107395"/>
          <a:ext cx="893882" cy="633506"/>
        </a:xfrm>
        <a:prstGeom prst="rect">
          <a:avLst/>
        </a:prstGeom>
        <a:noFill/>
      </xdr:spPr>
    </xdr:pic>
    <xdr:clientData/>
  </xdr:oneCellAnchor>
  <xdr:oneCellAnchor>
    <xdr:from>
      <xdr:col>2</xdr:col>
      <xdr:colOff>347663</xdr:colOff>
      <xdr:row>125</xdr:row>
      <xdr:rowOff>224734</xdr:rowOff>
    </xdr:from>
    <xdr:ext cx="604837" cy="629712"/>
    <xdr:pic>
      <xdr:nvPicPr>
        <xdr:cNvPr id="110" name="Picture 2">
          <a:extLst>
            <a:ext uri="{FF2B5EF4-FFF2-40B4-BE49-F238E27FC236}">
              <a16:creationId xmlns:a16="http://schemas.microsoft.com/office/drawing/2014/main" id="{91EFE99B-7668-47AD-9710-327CAE8CDFA7}"/>
            </a:ext>
          </a:extLst>
        </xdr:cNvPr>
        <xdr:cNvPicPr>
          <a:picLocks noChangeAspect="1" noChangeArrowheads="1"/>
        </xdr:cNvPicPr>
      </xdr:nvPicPr>
      <xdr:blipFill>
        <a:blip xmlns:r="http://schemas.openxmlformats.org/officeDocument/2006/relationships" r:embed="rId54" cstate="email">
          <a:extLst>
            <a:ext uri="{28A0092B-C50C-407E-A947-70E740481C1C}">
              <a14:useLocalDpi xmlns:a14="http://schemas.microsoft.com/office/drawing/2010/main"/>
            </a:ext>
          </a:extLst>
        </a:blip>
        <a:srcRect/>
        <a:stretch>
          <a:fillRect/>
        </a:stretch>
      </xdr:blipFill>
      <xdr:spPr>
        <a:xfrm>
          <a:off x="2686580" y="63745901"/>
          <a:ext cx="604837" cy="6297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oneCellAnchor>
  <xdr:oneCellAnchor>
    <xdr:from>
      <xdr:col>2</xdr:col>
      <xdr:colOff>372695</xdr:colOff>
      <xdr:row>118</xdr:row>
      <xdr:rowOff>121718</xdr:rowOff>
    </xdr:from>
    <xdr:ext cx="495138" cy="402157"/>
    <xdr:pic>
      <xdr:nvPicPr>
        <xdr:cNvPr id="111" name="图片 37" descr="\\info-server\产品资料库\09-01-产品图片库\01-国内\01-摄像机\IPC3238ER3-DVZ、IPC3232ER3-DUVZ\png-用于胶片或网站\IPC3238ER3-DVZ、IPC3232ER3-DUVZ_F.png">
          <a:extLst>
            <a:ext uri="{FF2B5EF4-FFF2-40B4-BE49-F238E27FC236}">
              <a16:creationId xmlns:a16="http://schemas.microsoft.com/office/drawing/2014/main" id="{5553FE2B-0804-48FD-80BB-219A9338B056}"/>
            </a:ext>
          </a:extLst>
        </xdr:cNvPr>
        <xdr:cNvPicPr/>
      </xdr:nvPicPr>
      <xdr:blipFill>
        <a:blip xmlns:r="http://schemas.openxmlformats.org/officeDocument/2006/relationships" r:embed="rId55" cstate="email">
          <a:extLst>
            <a:ext uri="{28A0092B-C50C-407E-A947-70E740481C1C}">
              <a14:useLocalDpi xmlns:a14="http://schemas.microsoft.com/office/drawing/2010/main"/>
            </a:ext>
          </a:extLst>
        </a:blip>
        <a:srcRect/>
        <a:stretch>
          <a:fillRect/>
        </a:stretch>
      </xdr:blipFill>
      <xdr:spPr>
        <a:xfrm>
          <a:off x="2711612" y="59864635"/>
          <a:ext cx="495138" cy="402157"/>
        </a:xfrm>
        <a:prstGeom prst="rect">
          <a:avLst/>
        </a:prstGeom>
        <a:noFill/>
        <a:ln>
          <a:noFill/>
        </a:ln>
      </xdr:spPr>
    </xdr:pic>
    <xdr:clientData/>
  </xdr:oneCellAnchor>
  <xdr:oneCellAnchor>
    <xdr:from>
      <xdr:col>2</xdr:col>
      <xdr:colOff>263171</xdr:colOff>
      <xdr:row>135</xdr:row>
      <xdr:rowOff>252589</xdr:rowOff>
    </xdr:from>
    <xdr:ext cx="859154" cy="437092"/>
    <xdr:pic>
      <xdr:nvPicPr>
        <xdr:cNvPr id="112" name="图片 55">
          <a:extLst>
            <a:ext uri="{FF2B5EF4-FFF2-40B4-BE49-F238E27FC236}">
              <a16:creationId xmlns:a16="http://schemas.microsoft.com/office/drawing/2014/main" id="{733D27F8-838B-43ED-98AB-2960CF51FA07}"/>
            </a:ext>
          </a:extLst>
        </xdr:cNvPr>
        <xdr:cNvPicPr/>
      </xdr:nvPicPr>
      <xdr:blipFill>
        <a:blip xmlns:r="http://schemas.openxmlformats.org/officeDocument/2006/relationships" r:embed="rId56" cstate="email">
          <a:extLst>
            <a:ext uri="{28A0092B-C50C-407E-A947-70E740481C1C}">
              <a14:useLocalDpi xmlns:a14="http://schemas.microsoft.com/office/drawing/2010/main"/>
            </a:ext>
          </a:extLst>
        </a:blip>
        <a:stretch>
          <a:fillRect/>
        </a:stretch>
      </xdr:blipFill>
      <xdr:spPr>
        <a:xfrm>
          <a:off x="3666771" y="65454389"/>
          <a:ext cx="859154" cy="437092"/>
        </a:xfrm>
        <a:prstGeom prst="rect">
          <a:avLst/>
        </a:prstGeom>
      </xdr:spPr>
    </xdr:pic>
    <xdr:clientData/>
  </xdr:oneCellAnchor>
  <xdr:oneCellAnchor>
    <xdr:from>
      <xdr:col>2</xdr:col>
      <xdr:colOff>290078</xdr:colOff>
      <xdr:row>137</xdr:row>
      <xdr:rowOff>567268</xdr:rowOff>
    </xdr:from>
    <xdr:ext cx="635714" cy="742420"/>
    <xdr:pic>
      <xdr:nvPicPr>
        <xdr:cNvPr id="113" name="图片 13">
          <a:extLst>
            <a:ext uri="{FF2B5EF4-FFF2-40B4-BE49-F238E27FC236}">
              <a16:creationId xmlns:a16="http://schemas.microsoft.com/office/drawing/2014/main" id="{120D12E4-D27B-407A-8896-4A74BF802F2A}"/>
            </a:ext>
          </a:extLst>
        </xdr:cNvPr>
        <xdr:cNvPicPr/>
      </xdr:nvPicPr>
      <xdr:blipFill>
        <a:blip xmlns:r="http://schemas.openxmlformats.org/officeDocument/2006/relationships" r:embed="rId57" cstate="email">
          <a:extLst>
            <a:ext uri="{28A0092B-C50C-407E-A947-70E740481C1C}">
              <a14:useLocalDpi xmlns:a14="http://schemas.microsoft.com/office/drawing/2010/main"/>
            </a:ext>
          </a:extLst>
        </a:blip>
        <a:stretch>
          <a:fillRect/>
        </a:stretch>
      </xdr:blipFill>
      <xdr:spPr>
        <a:xfrm>
          <a:off x="2623703" y="68988518"/>
          <a:ext cx="635714" cy="742420"/>
        </a:xfrm>
        <a:prstGeom prst="rect">
          <a:avLst/>
        </a:prstGeom>
        <a:noFill/>
      </xdr:spPr>
    </xdr:pic>
    <xdr:clientData/>
  </xdr:oneCellAnchor>
  <xdr:oneCellAnchor>
    <xdr:from>
      <xdr:col>2</xdr:col>
      <xdr:colOff>330201</xdr:colOff>
      <xdr:row>141</xdr:row>
      <xdr:rowOff>104775</xdr:rowOff>
    </xdr:from>
    <xdr:ext cx="595018" cy="381000"/>
    <xdr:pic>
      <xdr:nvPicPr>
        <xdr:cNvPr id="115" name="图片 10">
          <a:extLst>
            <a:ext uri="{FF2B5EF4-FFF2-40B4-BE49-F238E27FC236}">
              <a16:creationId xmlns:a16="http://schemas.microsoft.com/office/drawing/2014/main" id="{0B155AC2-B1AE-418B-8522-167D78DA2617}"/>
            </a:ext>
          </a:extLst>
        </xdr:cNvPr>
        <xdr:cNvPicPr>
          <a:picLocks noChangeAspect="1"/>
        </xdr:cNvPicPr>
      </xdr:nvPicPr>
      <xdr:blipFill>
        <a:blip xmlns:r="http://schemas.openxmlformats.org/officeDocument/2006/relationships" r:embed="rId58" cstate="email">
          <a:extLst>
            <a:ext uri="{28A0092B-C50C-407E-A947-70E740481C1C}">
              <a14:useLocalDpi xmlns:a14="http://schemas.microsoft.com/office/drawing/2010/main"/>
            </a:ext>
          </a:extLst>
        </a:blip>
        <a:stretch>
          <a:fillRect/>
        </a:stretch>
      </xdr:blipFill>
      <xdr:spPr>
        <a:xfrm>
          <a:off x="2669118" y="69944192"/>
          <a:ext cx="595018" cy="381000"/>
        </a:xfrm>
        <a:prstGeom prst="rect">
          <a:avLst/>
        </a:prstGeom>
      </xdr:spPr>
    </xdr:pic>
    <xdr:clientData/>
  </xdr:oneCellAnchor>
  <xdr:oneCellAnchor>
    <xdr:from>
      <xdr:col>2</xdr:col>
      <xdr:colOff>330201</xdr:colOff>
      <xdr:row>140</xdr:row>
      <xdr:rowOff>104775</xdr:rowOff>
    </xdr:from>
    <xdr:ext cx="595018" cy="381000"/>
    <xdr:pic>
      <xdr:nvPicPr>
        <xdr:cNvPr id="116" name="图片 10">
          <a:extLst>
            <a:ext uri="{FF2B5EF4-FFF2-40B4-BE49-F238E27FC236}">
              <a16:creationId xmlns:a16="http://schemas.microsoft.com/office/drawing/2014/main" id="{AAD47E58-21F4-4524-B52E-892423232316}"/>
            </a:ext>
          </a:extLst>
        </xdr:cNvPr>
        <xdr:cNvPicPr>
          <a:picLocks noChangeAspect="1"/>
        </xdr:cNvPicPr>
      </xdr:nvPicPr>
      <xdr:blipFill>
        <a:blip xmlns:r="http://schemas.openxmlformats.org/officeDocument/2006/relationships" r:embed="rId58" cstate="email">
          <a:extLst>
            <a:ext uri="{28A0092B-C50C-407E-A947-70E740481C1C}">
              <a14:useLocalDpi xmlns:a14="http://schemas.microsoft.com/office/drawing/2010/main"/>
            </a:ext>
          </a:extLst>
        </a:blip>
        <a:stretch>
          <a:fillRect/>
        </a:stretch>
      </xdr:blipFill>
      <xdr:spPr>
        <a:xfrm>
          <a:off x="2669118" y="69351525"/>
          <a:ext cx="595018" cy="381000"/>
        </a:xfrm>
        <a:prstGeom prst="rect">
          <a:avLst/>
        </a:prstGeom>
      </xdr:spPr>
    </xdr:pic>
    <xdr:clientData/>
  </xdr:oneCellAnchor>
  <xdr:twoCellAnchor>
    <xdr:from>
      <xdr:col>2</xdr:col>
      <xdr:colOff>352779</xdr:colOff>
      <xdr:row>143</xdr:row>
      <xdr:rowOff>63501</xdr:rowOff>
    </xdr:from>
    <xdr:to>
      <xdr:col>2</xdr:col>
      <xdr:colOff>945445</xdr:colOff>
      <xdr:row>143</xdr:row>
      <xdr:rowOff>701290</xdr:rowOff>
    </xdr:to>
    <xdr:pic>
      <xdr:nvPicPr>
        <xdr:cNvPr id="117" name="图片 5">
          <a:extLst>
            <a:ext uri="{FF2B5EF4-FFF2-40B4-BE49-F238E27FC236}">
              <a16:creationId xmlns:a16="http://schemas.microsoft.com/office/drawing/2014/main" id="{99F2300F-9AC8-4B76-B795-70541648D94A}"/>
            </a:ext>
          </a:extLst>
        </xdr:cNvPr>
        <xdr:cNvPicPr>
          <a:picLocks noChangeAspect="1"/>
        </xdr:cNvPicPr>
      </xdr:nvPicPr>
      <xdr:blipFill>
        <a:blip xmlns:r="http://schemas.openxmlformats.org/officeDocument/2006/relationships" r:embed="rId59" cstate="email">
          <a:extLst>
            <a:ext uri="{28A0092B-C50C-407E-A947-70E740481C1C}">
              <a14:useLocalDpi xmlns:a14="http://schemas.microsoft.com/office/drawing/2010/main"/>
            </a:ext>
          </a:extLst>
        </a:blip>
        <a:srcRect/>
        <a:stretch>
          <a:fillRect/>
        </a:stretch>
      </xdr:blipFill>
      <xdr:spPr>
        <a:xfrm>
          <a:off x="4111979" y="1066801"/>
          <a:ext cx="592666" cy="637789"/>
        </a:xfrm>
        <a:prstGeom prst="rect">
          <a:avLst/>
        </a:prstGeom>
        <a:ln>
          <a:noFill/>
        </a:ln>
      </xdr:spPr>
    </xdr:pic>
    <xdr:clientData/>
  </xdr:twoCellAnchor>
  <xdr:twoCellAnchor>
    <xdr:from>
      <xdr:col>2</xdr:col>
      <xdr:colOff>239889</xdr:colOff>
      <xdr:row>144</xdr:row>
      <xdr:rowOff>70555</xdr:rowOff>
    </xdr:from>
    <xdr:to>
      <xdr:col>2</xdr:col>
      <xdr:colOff>1150056</xdr:colOff>
      <xdr:row>144</xdr:row>
      <xdr:rowOff>717487</xdr:rowOff>
    </xdr:to>
    <xdr:pic>
      <xdr:nvPicPr>
        <xdr:cNvPr id="118" name="图片 3">
          <a:extLst>
            <a:ext uri="{FF2B5EF4-FFF2-40B4-BE49-F238E27FC236}">
              <a16:creationId xmlns:a16="http://schemas.microsoft.com/office/drawing/2014/main" id="{EDB8169D-5650-422A-A99C-3C290432C1BA}"/>
            </a:ext>
          </a:extLst>
        </xdr:cNvPr>
        <xdr:cNvPicPr>
          <a:picLocks noChangeAspect="1" noChangeArrowheads="1"/>
        </xdr:cNvPicPr>
      </xdr:nvPicPr>
      <xdr:blipFill>
        <a:blip xmlns:r="http://schemas.openxmlformats.org/officeDocument/2006/relationships" r:embed="rId60" cstate="email">
          <a:extLst>
            <a:ext uri="{28A0092B-C50C-407E-A947-70E740481C1C}">
              <a14:useLocalDpi xmlns:a14="http://schemas.microsoft.com/office/drawing/2010/main"/>
            </a:ext>
          </a:extLst>
        </a:blip>
        <a:srcRect/>
        <a:stretch>
          <a:fillRect/>
        </a:stretch>
      </xdr:blipFill>
      <xdr:spPr>
        <a:xfrm>
          <a:off x="3999089" y="2839155"/>
          <a:ext cx="910167" cy="646932"/>
        </a:xfrm>
        <a:prstGeom prst="rect">
          <a:avLst/>
        </a:prstGeom>
        <a:noFill/>
        <a:ln>
          <a:noFill/>
        </a:ln>
      </xdr:spPr>
    </xdr:pic>
    <xdr:clientData/>
  </xdr:twoCellAnchor>
  <xdr:oneCellAnchor>
    <xdr:from>
      <xdr:col>2</xdr:col>
      <xdr:colOff>406400</xdr:colOff>
      <xdr:row>145</xdr:row>
      <xdr:rowOff>753532</xdr:rowOff>
    </xdr:from>
    <xdr:ext cx="571500" cy="937507"/>
    <xdr:pic>
      <xdr:nvPicPr>
        <xdr:cNvPr id="119" name="图片 54">
          <a:extLst>
            <a:ext uri="{FF2B5EF4-FFF2-40B4-BE49-F238E27FC236}">
              <a16:creationId xmlns:a16="http://schemas.microsoft.com/office/drawing/2014/main" id="{36650AAF-D52F-4A30-8677-3BB0ED210C61}"/>
            </a:ext>
          </a:extLst>
        </xdr:cNvPr>
        <xdr:cNvPicPr/>
      </xdr:nvPicPr>
      <xdr:blipFill>
        <a:blip xmlns:r="http://schemas.openxmlformats.org/officeDocument/2006/relationships" r:embed="rId61" cstate="email">
          <a:extLst>
            <a:ext uri="{28A0092B-C50C-407E-A947-70E740481C1C}">
              <a14:useLocalDpi xmlns:a14="http://schemas.microsoft.com/office/drawing/2010/main"/>
            </a:ext>
          </a:extLst>
        </a:blip>
        <a:stretch>
          <a:fillRect/>
        </a:stretch>
      </xdr:blipFill>
      <xdr:spPr>
        <a:xfrm>
          <a:off x="2745317" y="74445282"/>
          <a:ext cx="571500" cy="937507"/>
        </a:xfrm>
        <a:prstGeom prst="rect">
          <a:avLst/>
        </a:prstGeom>
      </xdr:spPr>
    </xdr:pic>
    <xdr:clientData/>
  </xdr:oneCellAnchor>
  <xdr:twoCellAnchor>
    <xdr:from>
      <xdr:col>2</xdr:col>
      <xdr:colOff>337609</xdr:colOff>
      <xdr:row>148</xdr:row>
      <xdr:rowOff>328083</xdr:rowOff>
    </xdr:from>
    <xdr:to>
      <xdr:col>2</xdr:col>
      <xdr:colOff>941917</xdr:colOff>
      <xdr:row>149</xdr:row>
      <xdr:rowOff>433917</xdr:rowOff>
    </xdr:to>
    <xdr:pic>
      <xdr:nvPicPr>
        <xdr:cNvPr id="121" name="图片 87" descr="C:\Users\l01304\AppData\Local\Temp\notesE97E9E\new-dome-x.679x2副本.png">
          <a:extLst>
            <a:ext uri="{FF2B5EF4-FFF2-40B4-BE49-F238E27FC236}">
              <a16:creationId xmlns:a16="http://schemas.microsoft.com/office/drawing/2014/main" id="{871352A5-B6D6-4548-83E4-428163010211}"/>
            </a:ext>
          </a:extLst>
        </xdr:cNvPr>
        <xdr:cNvPicPr/>
      </xdr:nvPicPr>
      <xdr:blipFill>
        <a:blip xmlns:r="http://schemas.openxmlformats.org/officeDocument/2006/relationships" r:embed="rId62" cstate="email">
          <a:extLst>
            <a:ext uri="{28A0092B-C50C-407E-A947-70E740481C1C}">
              <a14:useLocalDpi xmlns:a14="http://schemas.microsoft.com/office/drawing/2010/main"/>
            </a:ext>
          </a:extLst>
        </a:blip>
        <a:srcRect/>
        <a:stretch>
          <a:fillRect/>
        </a:stretch>
      </xdr:blipFill>
      <xdr:spPr>
        <a:xfrm>
          <a:off x="2676526" y="76506916"/>
          <a:ext cx="604308" cy="825501"/>
        </a:xfrm>
        <a:prstGeom prst="rect">
          <a:avLst/>
        </a:prstGeom>
        <a:noFill/>
        <a:ln w="9525">
          <a:noFill/>
          <a:miter lim="800000"/>
          <a:headEnd/>
          <a:tailEnd/>
        </a:ln>
      </xdr:spPr>
    </xdr:pic>
    <xdr:clientData/>
  </xdr:twoCellAnchor>
  <xdr:oneCellAnchor>
    <xdr:from>
      <xdr:col>2</xdr:col>
      <xdr:colOff>341313</xdr:colOff>
      <xdr:row>86</xdr:row>
      <xdr:rowOff>166687</xdr:rowOff>
    </xdr:from>
    <xdr:ext cx="592666" cy="322792"/>
    <xdr:pic>
      <xdr:nvPicPr>
        <xdr:cNvPr id="114" name="Picture 2">
          <a:extLst>
            <a:ext uri="{FF2B5EF4-FFF2-40B4-BE49-F238E27FC236}">
              <a16:creationId xmlns:a16="http://schemas.microsoft.com/office/drawing/2014/main" id="{0995BDF7-C5A6-42EF-BCC3-DA3D6D55EE6F}"/>
            </a:ext>
          </a:extLst>
        </xdr:cNvPr>
        <xdr:cNvPicPr/>
      </xdr:nvPicPr>
      <xdr:blipFill>
        <a:blip xmlns:r="http://schemas.openxmlformats.org/officeDocument/2006/relationships" r:embed="rId63" cstate="email">
          <a:extLst>
            <a:ext uri="{28A0092B-C50C-407E-A947-70E740481C1C}">
              <a14:useLocalDpi xmlns:a14="http://schemas.microsoft.com/office/drawing/2010/main"/>
            </a:ext>
          </a:extLst>
        </a:blip>
        <a:srcRect/>
        <a:stretch>
          <a:fillRect/>
        </a:stretch>
      </xdr:blipFill>
      <xdr:spPr>
        <a:xfrm>
          <a:off x="2674938" y="43949937"/>
          <a:ext cx="592666" cy="322792"/>
        </a:xfrm>
        <a:prstGeom prst="rect">
          <a:avLst/>
        </a:prstGeom>
        <a:noFill/>
      </xdr:spPr>
    </xdr:pic>
    <xdr:clientData/>
  </xdr:oneCellAnchor>
  <xdr:twoCellAnchor>
    <xdr:from>
      <xdr:col>2</xdr:col>
      <xdr:colOff>298788</xdr:colOff>
      <xdr:row>88</xdr:row>
      <xdr:rowOff>69850</xdr:rowOff>
    </xdr:from>
    <xdr:to>
      <xdr:col>2</xdr:col>
      <xdr:colOff>801779</xdr:colOff>
      <xdr:row>88</xdr:row>
      <xdr:rowOff>418947</xdr:rowOff>
    </xdr:to>
    <xdr:pic>
      <xdr:nvPicPr>
        <xdr:cNvPr id="120" name="图片 43">
          <a:extLst>
            <a:ext uri="{FF2B5EF4-FFF2-40B4-BE49-F238E27FC236}">
              <a16:creationId xmlns:a16="http://schemas.microsoft.com/office/drawing/2014/main" id="{7CC4D0DA-BE69-4EF7-BA4B-EAB8F7C40EED}"/>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2762588" y="38169850"/>
          <a:ext cx="502991" cy="349097"/>
        </a:xfrm>
        <a:prstGeom prst="rect">
          <a:avLst/>
        </a:prstGeom>
        <a:noFill/>
        <a:ln w="9525">
          <a:noFill/>
          <a:miter lim="800000"/>
          <a:headEnd/>
          <a:tailEnd/>
        </a:ln>
      </xdr:spPr>
    </xdr:pic>
    <xdr:clientData/>
  </xdr:twoCellAnchor>
  <xdr:oneCellAnchor>
    <xdr:from>
      <xdr:col>2</xdr:col>
      <xdr:colOff>225426</xdr:colOff>
      <xdr:row>127</xdr:row>
      <xdr:rowOff>57151</xdr:rowOff>
    </xdr:from>
    <xdr:ext cx="765174" cy="409574"/>
    <xdr:pic>
      <xdr:nvPicPr>
        <xdr:cNvPr id="123" name="图片 53" descr="\\info-server\产品资料库\09-01-产品图片库\IDG\01-产品效果图\01-摄像机\产品渲染图总汇\半球类\无尾线半球\无尾线经济变焦半球-UNV\无尾线经济变焦半球-UNV_F.png">
          <a:extLst>
            <a:ext uri="{FF2B5EF4-FFF2-40B4-BE49-F238E27FC236}">
              <a16:creationId xmlns:a16="http://schemas.microsoft.com/office/drawing/2014/main" id="{C65DE2CD-02DC-4080-A160-BF217D5F06C5}"/>
            </a:ext>
          </a:extLst>
        </xdr:cNvPr>
        <xdr:cNvPicPr/>
      </xdr:nvPicPr>
      <xdr:blipFill>
        <a:blip xmlns:r="http://schemas.openxmlformats.org/officeDocument/2006/relationships" r:embed="rId64" cstate="email">
          <a:extLst>
            <a:ext uri="{28A0092B-C50C-407E-A947-70E740481C1C}">
              <a14:useLocalDpi xmlns:a14="http://schemas.microsoft.com/office/drawing/2010/main"/>
            </a:ext>
          </a:extLst>
        </a:blip>
        <a:srcRect/>
        <a:stretch>
          <a:fillRect/>
        </a:stretch>
      </xdr:blipFill>
      <xdr:spPr bwMode="auto">
        <a:xfrm>
          <a:off x="2559051" y="44451589"/>
          <a:ext cx="765174" cy="409574"/>
        </a:xfrm>
        <a:prstGeom prst="rect">
          <a:avLst/>
        </a:prstGeom>
        <a:noFill/>
        <a:ln>
          <a:noFill/>
        </a:ln>
      </xdr:spPr>
    </xdr:pic>
    <xdr:clientData/>
  </xdr:oneCellAnchor>
</xdr:wsDr>
</file>

<file path=xl/drawings/drawing11.xml><?xml version="1.0" encoding="utf-8"?>
<xdr:wsDr xmlns:xdr="http://schemas.openxmlformats.org/drawingml/2006/spreadsheetDrawing" xmlns:a="http://schemas.openxmlformats.org/drawingml/2006/main">
  <xdr:twoCellAnchor editAs="oneCell">
    <xdr:from>
      <xdr:col>0</xdr:col>
      <xdr:colOff>0</xdr:colOff>
      <xdr:row>2</xdr:row>
      <xdr:rowOff>443434</xdr:rowOff>
    </xdr:from>
    <xdr:to>
      <xdr:col>0</xdr:col>
      <xdr:colOff>1657350</xdr:colOff>
      <xdr:row>5</xdr:row>
      <xdr:rowOff>50799</xdr:rowOff>
    </xdr:to>
    <xdr:pic>
      <xdr:nvPicPr>
        <xdr:cNvPr id="2" name="Picture 1">
          <a:extLst>
            <a:ext uri="{FF2B5EF4-FFF2-40B4-BE49-F238E27FC236}">
              <a16:creationId xmlns:a16="http://schemas.microsoft.com/office/drawing/2014/main" id="{6B2033BF-2737-40AF-998A-EA7152E3B984}"/>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bwMode="auto">
        <a:xfrm>
          <a:off x="0" y="805384"/>
          <a:ext cx="1657350" cy="113136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331480</xdr:colOff>
      <xdr:row>6</xdr:row>
      <xdr:rowOff>127000</xdr:rowOff>
    </xdr:from>
    <xdr:to>
      <xdr:col>0</xdr:col>
      <xdr:colOff>1373326</xdr:colOff>
      <xdr:row>6</xdr:row>
      <xdr:rowOff>838200</xdr:rowOff>
    </xdr:to>
    <xdr:pic>
      <xdr:nvPicPr>
        <xdr:cNvPr id="3" name="Picture 2">
          <a:extLst>
            <a:ext uri="{FF2B5EF4-FFF2-40B4-BE49-F238E27FC236}">
              <a16:creationId xmlns:a16="http://schemas.microsoft.com/office/drawing/2014/main" id="{3D7C4AA4-7AB4-4562-9F16-930F0760DC74}"/>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bwMode="auto">
        <a:xfrm>
          <a:off x="331480" y="2520950"/>
          <a:ext cx="1041846" cy="7112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76200</xdr:colOff>
      <xdr:row>8</xdr:row>
      <xdr:rowOff>292100</xdr:rowOff>
    </xdr:from>
    <xdr:to>
      <xdr:col>0</xdr:col>
      <xdr:colOff>1511300</xdr:colOff>
      <xdr:row>10</xdr:row>
      <xdr:rowOff>255749</xdr:rowOff>
    </xdr:to>
    <xdr:pic>
      <xdr:nvPicPr>
        <xdr:cNvPr id="4" name="Picture 3">
          <a:extLst>
            <a:ext uri="{FF2B5EF4-FFF2-40B4-BE49-F238E27FC236}">
              <a16:creationId xmlns:a16="http://schemas.microsoft.com/office/drawing/2014/main" id="{4EB9BA42-F032-4711-A4EA-06D0D1EC1ED0}"/>
            </a:ext>
          </a:extLst>
        </xdr:cNvPr>
        <xdr:cNvPicPr>
          <a:picLocks noChangeAspect="1" noChangeArrowheads="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bwMode="auto">
        <a:xfrm>
          <a:off x="76200" y="3733800"/>
          <a:ext cx="1435100" cy="9796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34950</xdr:colOff>
      <xdr:row>11</xdr:row>
      <xdr:rowOff>19051</xdr:rowOff>
    </xdr:from>
    <xdr:to>
      <xdr:col>0</xdr:col>
      <xdr:colOff>1073150</xdr:colOff>
      <xdr:row>12</xdr:row>
      <xdr:rowOff>83235</xdr:rowOff>
    </xdr:to>
    <xdr:pic>
      <xdr:nvPicPr>
        <xdr:cNvPr id="5" name="Picture 4">
          <a:extLst>
            <a:ext uri="{FF2B5EF4-FFF2-40B4-BE49-F238E27FC236}">
              <a16:creationId xmlns:a16="http://schemas.microsoft.com/office/drawing/2014/main" id="{EF8BC805-0677-424E-9645-A960190221E4}"/>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bwMode="auto">
        <a:xfrm>
          <a:off x="234950" y="4984751"/>
          <a:ext cx="838200" cy="5721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12.xml><?xml version="1.0" encoding="utf-8"?>
<xdr:wsDr xmlns:xdr="http://schemas.openxmlformats.org/drawingml/2006/spreadsheetDrawing" xmlns:a="http://schemas.openxmlformats.org/drawingml/2006/main">
  <xdr:twoCellAnchor>
    <xdr:from>
      <xdr:col>1</xdr:col>
      <xdr:colOff>302054</xdr:colOff>
      <xdr:row>1</xdr:row>
      <xdr:rowOff>102870</xdr:rowOff>
    </xdr:from>
    <xdr:to>
      <xdr:col>3</xdr:col>
      <xdr:colOff>4891705</xdr:colOff>
      <xdr:row>1</xdr:row>
      <xdr:rowOff>171450</xdr:rowOff>
    </xdr:to>
    <xdr:sp macro="" textlink="">
      <xdr:nvSpPr>
        <xdr:cNvPr id="2" name="TextBox 73">
          <a:extLst>
            <a:ext uri="{FF2B5EF4-FFF2-40B4-BE49-F238E27FC236}">
              <a16:creationId xmlns:a16="http://schemas.microsoft.com/office/drawing/2014/main" id="{00000000-0008-0000-0500-000002000000}"/>
            </a:ext>
          </a:extLst>
        </xdr:cNvPr>
        <xdr:cNvSpPr txBox="1"/>
      </xdr:nvSpPr>
      <xdr:spPr>
        <a:xfrm>
          <a:off x="1696085" y="274320"/>
          <a:ext cx="7432040" cy="6858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US" altLang="zh-CN" sz="1600" b="1" i="1">
              <a:solidFill>
                <a:srgbClr val="FF0000"/>
              </a:solidFill>
            </a:rPr>
            <a:t>Confidential file only for internal use!</a:t>
          </a:r>
          <a:r>
            <a:rPr lang="en-US" altLang="zh-CN" sz="1600" b="1" i="1" baseline="0">
              <a:solidFill>
                <a:srgbClr val="FF0000"/>
              </a:solidFill>
            </a:rPr>
            <a:t> Please use the price-list template for external publication.</a:t>
          </a:r>
          <a:endParaRPr lang="zh-CN" altLang="en-US" sz="1600" b="1" i="1">
            <a:solidFill>
              <a:srgbClr val="FF0000"/>
            </a:solidFill>
          </a:endParaRPr>
        </a:p>
      </xdr:txBody>
    </xdr:sp>
    <xdr:clientData/>
  </xdr:twoCellAnchor>
  <xdr:twoCellAnchor editAs="oneCell">
    <xdr:from>
      <xdr:col>1</xdr:col>
      <xdr:colOff>369092</xdr:colOff>
      <xdr:row>8</xdr:row>
      <xdr:rowOff>261937</xdr:rowOff>
    </xdr:from>
    <xdr:to>
      <xdr:col>1</xdr:col>
      <xdr:colOff>1000123</xdr:colOff>
      <xdr:row>9</xdr:row>
      <xdr:rowOff>464343</xdr:rowOff>
    </xdr:to>
    <xdr:pic>
      <xdr:nvPicPr>
        <xdr:cNvPr id="32" name="图片 31">
          <a:extLst>
            <a:ext uri="{FF2B5EF4-FFF2-40B4-BE49-F238E27FC236}">
              <a16:creationId xmlns:a16="http://schemas.microsoft.com/office/drawing/2014/main" id="{00000000-0008-0000-0500-000020000000}"/>
            </a:ext>
          </a:extLst>
        </xdr:cNvPr>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1763395" y="2610485"/>
          <a:ext cx="630555" cy="861695"/>
        </a:xfrm>
        <a:prstGeom prst="rect">
          <a:avLst/>
        </a:prstGeom>
        <a:noFill/>
        <a:ln w="9525">
          <a:noFill/>
          <a:miter lim="800000"/>
          <a:headEnd/>
          <a:tailEnd/>
        </a:ln>
      </xdr:spPr>
    </xdr:pic>
    <xdr:clientData/>
  </xdr:twoCellAnchor>
  <xdr:oneCellAnchor>
    <xdr:from>
      <xdr:col>1</xdr:col>
      <xdr:colOff>369092</xdr:colOff>
      <xdr:row>10</xdr:row>
      <xdr:rowOff>261937</xdr:rowOff>
    </xdr:from>
    <xdr:ext cx="631031" cy="857249"/>
    <xdr:pic>
      <xdr:nvPicPr>
        <xdr:cNvPr id="33" name="图片 32">
          <a:extLst>
            <a:ext uri="{FF2B5EF4-FFF2-40B4-BE49-F238E27FC236}">
              <a16:creationId xmlns:a16="http://schemas.microsoft.com/office/drawing/2014/main" id="{00000000-0008-0000-0500-000021000000}"/>
            </a:ext>
          </a:extLst>
        </xdr:cNvPr>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1763395" y="3928745"/>
          <a:ext cx="630555" cy="857250"/>
        </a:xfrm>
        <a:prstGeom prst="rect">
          <a:avLst/>
        </a:prstGeom>
        <a:noFill/>
        <a:ln w="9525">
          <a:noFill/>
          <a:miter lim="800000"/>
          <a:headEnd/>
          <a:tailEnd/>
        </a:ln>
      </xdr:spPr>
    </xdr:pic>
    <xdr:clientData/>
  </xdr:oneCellAnchor>
  <xdr:oneCellAnchor>
    <xdr:from>
      <xdr:col>1</xdr:col>
      <xdr:colOff>369092</xdr:colOff>
      <xdr:row>5</xdr:row>
      <xdr:rowOff>250032</xdr:rowOff>
    </xdr:from>
    <xdr:ext cx="631031" cy="857249"/>
    <xdr:pic>
      <xdr:nvPicPr>
        <xdr:cNvPr id="34" name="图片 33">
          <a:extLst>
            <a:ext uri="{FF2B5EF4-FFF2-40B4-BE49-F238E27FC236}">
              <a16:creationId xmlns:a16="http://schemas.microsoft.com/office/drawing/2014/main" id="{00000000-0008-0000-0500-000022000000}"/>
            </a:ext>
          </a:extLst>
        </xdr:cNvPr>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1763395" y="1118235"/>
          <a:ext cx="630555" cy="857250"/>
        </a:xfrm>
        <a:prstGeom prst="rect">
          <a:avLst/>
        </a:prstGeom>
        <a:noFill/>
        <a:ln w="9525">
          <a:noFill/>
          <a:miter lim="800000"/>
          <a:headEnd/>
          <a:tailEnd/>
        </a:ln>
      </xdr:spPr>
    </xdr:pic>
    <xdr:clientData/>
  </xdr:oneCellAnchor>
  <xdr:twoCellAnchor editAs="oneCell">
    <xdr:from>
      <xdr:col>1</xdr:col>
      <xdr:colOff>369092</xdr:colOff>
      <xdr:row>14</xdr:row>
      <xdr:rowOff>250031</xdr:rowOff>
    </xdr:from>
    <xdr:to>
      <xdr:col>1</xdr:col>
      <xdr:colOff>892967</xdr:colOff>
      <xdr:row>15</xdr:row>
      <xdr:rowOff>440531</xdr:rowOff>
    </xdr:to>
    <xdr:pic>
      <xdr:nvPicPr>
        <xdr:cNvPr id="35" name="图片 34">
          <a:extLst>
            <a:ext uri="{FF2B5EF4-FFF2-40B4-BE49-F238E27FC236}">
              <a16:creationId xmlns:a16="http://schemas.microsoft.com/office/drawing/2014/main" id="{00000000-0008-0000-0500-000023000000}"/>
            </a:ext>
          </a:extLst>
        </xdr:cNvPr>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a:off x="1763395" y="5585460"/>
          <a:ext cx="523875" cy="849630"/>
        </a:xfrm>
        <a:prstGeom prst="rect">
          <a:avLst/>
        </a:prstGeom>
        <a:noFill/>
        <a:ln w="9525">
          <a:noFill/>
          <a:miter lim="800000"/>
          <a:headEnd/>
          <a:tailEnd/>
        </a:ln>
      </xdr:spPr>
    </xdr:pic>
    <xdr:clientData/>
  </xdr:twoCellAnchor>
  <xdr:twoCellAnchor editAs="oneCell">
    <xdr:from>
      <xdr:col>1</xdr:col>
      <xdr:colOff>369092</xdr:colOff>
      <xdr:row>16</xdr:row>
      <xdr:rowOff>273844</xdr:rowOff>
    </xdr:from>
    <xdr:to>
      <xdr:col>1</xdr:col>
      <xdr:colOff>892967</xdr:colOff>
      <xdr:row>17</xdr:row>
      <xdr:rowOff>464343</xdr:rowOff>
    </xdr:to>
    <xdr:pic>
      <xdr:nvPicPr>
        <xdr:cNvPr id="36" name="图片 35">
          <a:extLst>
            <a:ext uri="{FF2B5EF4-FFF2-40B4-BE49-F238E27FC236}">
              <a16:creationId xmlns:a16="http://schemas.microsoft.com/office/drawing/2014/main" id="{00000000-0008-0000-0500-000024000000}"/>
            </a:ext>
          </a:extLst>
        </xdr:cNvPr>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a:off x="1763395" y="6927850"/>
          <a:ext cx="523875" cy="849630"/>
        </a:xfrm>
        <a:prstGeom prst="rect">
          <a:avLst/>
        </a:prstGeom>
        <a:noFill/>
        <a:ln w="9525">
          <a:noFill/>
          <a:miter lim="800000"/>
          <a:headEnd/>
          <a:tailEnd/>
        </a:ln>
      </xdr:spPr>
    </xdr:pic>
    <xdr:clientData/>
  </xdr:twoCellAnchor>
  <xdr:twoCellAnchor editAs="oneCell">
    <xdr:from>
      <xdr:col>1</xdr:col>
      <xdr:colOff>369092</xdr:colOff>
      <xdr:row>21</xdr:row>
      <xdr:rowOff>178593</xdr:rowOff>
    </xdr:from>
    <xdr:to>
      <xdr:col>1</xdr:col>
      <xdr:colOff>964405</xdr:colOff>
      <xdr:row>22</xdr:row>
      <xdr:rowOff>488155</xdr:rowOff>
    </xdr:to>
    <xdr:pic>
      <xdr:nvPicPr>
        <xdr:cNvPr id="37" name="图片 36">
          <a:extLst>
            <a:ext uri="{FF2B5EF4-FFF2-40B4-BE49-F238E27FC236}">
              <a16:creationId xmlns:a16="http://schemas.microsoft.com/office/drawing/2014/main" id="{00000000-0008-0000-0500-000025000000}"/>
            </a:ext>
          </a:extLst>
        </xdr:cNvPr>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1763395" y="9644380"/>
          <a:ext cx="594995" cy="968375"/>
        </a:xfrm>
        <a:prstGeom prst="rect">
          <a:avLst/>
        </a:prstGeom>
        <a:noFill/>
        <a:ln w="9525">
          <a:noFill/>
          <a:miter lim="800000"/>
          <a:headEnd/>
          <a:tailEnd/>
        </a:ln>
      </xdr:spPr>
    </xdr:pic>
    <xdr:clientData/>
  </xdr:twoCellAnchor>
  <xdr:twoCellAnchor editAs="oneCell">
    <xdr:from>
      <xdr:col>1</xdr:col>
      <xdr:colOff>369092</xdr:colOff>
      <xdr:row>31</xdr:row>
      <xdr:rowOff>214312</xdr:rowOff>
    </xdr:from>
    <xdr:to>
      <xdr:col>1</xdr:col>
      <xdr:colOff>964405</xdr:colOff>
      <xdr:row>32</xdr:row>
      <xdr:rowOff>523874</xdr:rowOff>
    </xdr:to>
    <xdr:pic>
      <xdr:nvPicPr>
        <xdr:cNvPr id="38" name="图片 37">
          <a:extLst>
            <a:ext uri="{FF2B5EF4-FFF2-40B4-BE49-F238E27FC236}">
              <a16:creationId xmlns:a16="http://schemas.microsoft.com/office/drawing/2014/main" id="{00000000-0008-0000-0500-000026000000}"/>
            </a:ext>
          </a:extLst>
        </xdr:cNvPr>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1763395" y="15303500"/>
          <a:ext cx="594995" cy="968375"/>
        </a:xfrm>
        <a:prstGeom prst="rect">
          <a:avLst/>
        </a:prstGeom>
        <a:noFill/>
        <a:ln w="9525">
          <a:noFill/>
          <a:miter lim="800000"/>
          <a:headEnd/>
          <a:tailEnd/>
        </a:ln>
      </xdr:spPr>
    </xdr:pic>
    <xdr:clientData/>
  </xdr:twoCellAnchor>
  <xdr:twoCellAnchor editAs="oneCell">
    <xdr:from>
      <xdr:col>1</xdr:col>
      <xdr:colOff>369092</xdr:colOff>
      <xdr:row>29</xdr:row>
      <xdr:rowOff>190499</xdr:rowOff>
    </xdr:from>
    <xdr:to>
      <xdr:col>1</xdr:col>
      <xdr:colOff>964405</xdr:colOff>
      <xdr:row>30</xdr:row>
      <xdr:rowOff>500060</xdr:rowOff>
    </xdr:to>
    <xdr:pic>
      <xdr:nvPicPr>
        <xdr:cNvPr id="39" name="图片 38">
          <a:extLst>
            <a:ext uri="{FF2B5EF4-FFF2-40B4-BE49-F238E27FC236}">
              <a16:creationId xmlns:a16="http://schemas.microsoft.com/office/drawing/2014/main" id="{00000000-0008-0000-0500-000027000000}"/>
            </a:ext>
          </a:extLst>
        </xdr:cNvPr>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1763395" y="13961110"/>
          <a:ext cx="594995" cy="969010"/>
        </a:xfrm>
        <a:prstGeom prst="rect">
          <a:avLst/>
        </a:prstGeom>
        <a:noFill/>
        <a:ln w="9525">
          <a:noFill/>
          <a:miter lim="800000"/>
          <a:headEnd/>
          <a:tailEnd/>
        </a:ln>
      </xdr:spPr>
    </xdr:pic>
    <xdr:clientData/>
  </xdr:twoCellAnchor>
  <xdr:twoCellAnchor editAs="oneCell">
    <xdr:from>
      <xdr:col>1</xdr:col>
      <xdr:colOff>369092</xdr:colOff>
      <xdr:row>34</xdr:row>
      <xdr:rowOff>345281</xdr:rowOff>
    </xdr:from>
    <xdr:to>
      <xdr:col>1</xdr:col>
      <xdr:colOff>928686</xdr:colOff>
      <xdr:row>35</xdr:row>
      <xdr:rowOff>428626</xdr:rowOff>
    </xdr:to>
    <xdr:pic>
      <xdr:nvPicPr>
        <xdr:cNvPr id="40" name="图片 39">
          <a:extLst>
            <a:ext uri="{FF2B5EF4-FFF2-40B4-BE49-F238E27FC236}">
              <a16:creationId xmlns:a16="http://schemas.microsoft.com/office/drawing/2014/main" id="{00000000-0008-0000-0500-000028000000}"/>
            </a:ext>
          </a:extLst>
        </xdr:cNvPr>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1763395" y="16927830"/>
          <a:ext cx="559435" cy="742950"/>
        </a:xfrm>
        <a:prstGeom prst="rect">
          <a:avLst/>
        </a:prstGeom>
        <a:noFill/>
        <a:ln w="9525">
          <a:noFill/>
          <a:miter lim="800000"/>
          <a:headEnd/>
          <a:tailEnd/>
        </a:ln>
      </xdr:spPr>
    </xdr:pic>
    <xdr:clientData/>
  </xdr:twoCellAnchor>
  <xdr:twoCellAnchor editAs="oneCell">
    <xdr:from>
      <xdr:col>1</xdr:col>
      <xdr:colOff>369092</xdr:colOff>
      <xdr:row>19</xdr:row>
      <xdr:rowOff>154782</xdr:rowOff>
    </xdr:from>
    <xdr:to>
      <xdr:col>1</xdr:col>
      <xdr:colOff>964405</xdr:colOff>
      <xdr:row>20</xdr:row>
      <xdr:rowOff>464343</xdr:rowOff>
    </xdr:to>
    <xdr:pic>
      <xdr:nvPicPr>
        <xdr:cNvPr id="41" name="图片 40">
          <a:extLst>
            <a:ext uri="{FF2B5EF4-FFF2-40B4-BE49-F238E27FC236}">
              <a16:creationId xmlns:a16="http://schemas.microsoft.com/office/drawing/2014/main" id="{00000000-0008-0000-0500-000029000000}"/>
            </a:ext>
          </a:extLst>
        </xdr:cNvPr>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1763395" y="8301990"/>
          <a:ext cx="594995" cy="969010"/>
        </a:xfrm>
        <a:prstGeom prst="rect">
          <a:avLst/>
        </a:prstGeom>
        <a:noFill/>
        <a:ln w="9525">
          <a:noFill/>
          <a:miter lim="800000"/>
          <a:headEnd/>
          <a:tailEnd/>
        </a:ln>
      </xdr:spPr>
    </xdr:pic>
    <xdr:clientData/>
  </xdr:twoCellAnchor>
  <xdr:oneCellAnchor>
    <xdr:from>
      <xdr:col>1</xdr:col>
      <xdr:colOff>357186</xdr:colOff>
      <xdr:row>26</xdr:row>
      <xdr:rowOff>202406</xdr:rowOff>
    </xdr:from>
    <xdr:ext cx="595313" cy="964405"/>
    <xdr:pic>
      <xdr:nvPicPr>
        <xdr:cNvPr id="42" name="图片 41">
          <a:extLst>
            <a:ext uri="{FF2B5EF4-FFF2-40B4-BE49-F238E27FC236}">
              <a16:creationId xmlns:a16="http://schemas.microsoft.com/office/drawing/2014/main" id="{00000000-0008-0000-0500-00002A000000}"/>
            </a:ext>
          </a:extLst>
        </xdr:cNvPr>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1751330" y="12479655"/>
          <a:ext cx="594995" cy="964565"/>
        </a:xfrm>
        <a:prstGeom prst="rect">
          <a:avLst/>
        </a:prstGeom>
        <a:noFill/>
        <a:ln w="9525">
          <a:noFill/>
          <a:miter lim="800000"/>
          <a:headEnd/>
          <a:tailEnd/>
        </a:ln>
      </xdr:spPr>
    </xdr:pic>
    <xdr:clientData/>
  </xdr:oneCellAnchor>
  <xdr:oneCellAnchor>
    <xdr:from>
      <xdr:col>1</xdr:col>
      <xdr:colOff>369093</xdr:colOff>
      <xdr:row>23</xdr:row>
      <xdr:rowOff>190500</xdr:rowOff>
    </xdr:from>
    <xdr:ext cx="595313" cy="964405"/>
    <xdr:pic>
      <xdr:nvPicPr>
        <xdr:cNvPr id="43" name="图片 42">
          <a:extLst>
            <a:ext uri="{FF2B5EF4-FFF2-40B4-BE49-F238E27FC236}">
              <a16:creationId xmlns:a16="http://schemas.microsoft.com/office/drawing/2014/main" id="{00000000-0008-0000-0500-00002B000000}"/>
            </a:ext>
          </a:extLst>
        </xdr:cNvPr>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1763395" y="10974705"/>
          <a:ext cx="594995" cy="963930"/>
        </a:xfrm>
        <a:prstGeom prst="rect">
          <a:avLst/>
        </a:prstGeom>
        <a:noFill/>
        <a:ln w="9525">
          <a:noFill/>
          <a:miter lim="800000"/>
          <a:headEnd/>
          <a:tailEnd/>
        </a:ln>
      </xdr:spPr>
    </xdr:pic>
    <xdr:clientData/>
  </xdr:oneCellAnchor>
</xdr:wsDr>
</file>

<file path=xl/drawings/drawing2.xml><?xml version="1.0" encoding="utf-8"?>
<xdr:wsDr xmlns:xdr="http://schemas.openxmlformats.org/drawingml/2006/spreadsheetDrawing" xmlns:a="http://schemas.openxmlformats.org/drawingml/2006/main">
  <xdr:twoCellAnchor editAs="oneCell">
    <xdr:from>
      <xdr:col>2</xdr:col>
      <xdr:colOff>317499</xdr:colOff>
      <xdr:row>27</xdr:row>
      <xdr:rowOff>97218</xdr:rowOff>
    </xdr:from>
    <xdr:to>
      <xdr:col>2</xdr:col>
      <xdr:colOff>707058</xdr:colOff>
      <xdr:row>27</xdr:row>
      <xdr:rowOff>567817</xdr:rowOff>
    </xdr:to>
    <xdr:pic>
      <xdr:nvPicPr>
        <xdr:cNvPr id="35" name="Рисунок 5">
          <a:extLst>
            <a:ext uri="{FF2B5EF4-FFF2-40B4-BE49-F238E27FC236}">
              <a16:creationId xmlns:a16="http://schemas.microsoft.com/office/drawing/2014/main" id="{A9F3CC1B-49B7-4DB2-90F7-AFA07FF7B8B0}"/>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1841499" y="18283618"/>
          <a:ext cx="389559" cy="470599"/>
        </a:xfrm>
        <a:prstGeom prst="rect">
          <a:avLst/>
        </a:prstGeom>
      </xdr:spPr>
    </xdr:pic>
    <xdr:clientData/>
  </xdr:twoCellAnchor>
  <xdr:oneCellAnchor>
    <xdr:from>
      <xdr:col>2</xdr:col>
      <xdr:colOff>317499</xdr:colOff>
      <xdr:row>26</xdr:row>
      <xdr:rowOff>97218</xdr:rowOff>
    </xdr:from>
    <xdr:ext cx="389559" cy="470599"/>
    <xdr:pic>
      <xdr:nvPicPr>
        <xdr:cNvPr id="37" name="Рисунок 5">
          <a:extLst>
            <a:ext uri="{FF2B5EF4-FFF2-40B4-BE49-F238E27FC236}">
              <a16:creationId xmlns:a16="http://schemas.microsoft.com/office/drawing/2014/main" id="{3502E3AE-5B64-47F7-A490-61E32CB52942}"/>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1841499" y="17610518"/>
          <a:ext cx="389559" cy="470599"/>
        </a:xfrm>
        <a:prstGeom prst="rect">
          <a:avLst/>
        </a:prstGeom>
      </xdr:spPr>
    </xdr:pic>
    <xdr:clientData/>
  </xdr:oneCellAnchor>
  <xdr:twoCellAnchor editAs="oneCell">
    <xdr:from>
      <xdr:col>2</xdr:col>
      <xdr:colOff>254000</xdr:colOff>
      <xdr:row>29</xdr:row>
      <xdr:rowOff>29386</xdr:rowOff>
    </xdr:from>
    <xdr:to>
      <xdr:col>2</xdr:col>
      <xdr:colOff>789996</xdr:colOff>
      <xdr:row>29</xdr:row>
      <xdr:rowOff>758825</xdr:rowOff>
    </xdr:to>
    <xdr:pic>
      <xdr:nvPicPr>
        <xdr:cNvPr id="23" name="图片 86">
          <a:extLst>
            <a:ext uri="{FF2B5EF4-FFF2-40B4-BE49-F238E27FC236}">
              <a16:creationId xmlns:a16="http://schemas.microsoft.com/office/drawing/2014/main" id="{30CBFC52-7C7C-4E96-A5EA-2C75A60EDD6D}"/>
            </a:ext>
          </a:extLst>
        </xdr:cNvPr>
        <xdr:cNvPicPr>
          <a:picLocks noChangeAspect="1"/>
        </xdr:cNvPicPr>
      </xdr:nvPicPr>
      <xdr:blipFill rotWithShape="1">
        <a:blip xmlns:r="http://schemas.openxmlformats.org/officeDocument/2006/relationships" r:embed="rId2" cstate="email">
          <a:extLst>
            <a:ext uri="{28A0092B-C50C-407E-A947-70E740481C1C}">
              <a14:useLocalDpi xmlns:a14="http://schemas.microsoft.com/office/drawing/2010/main"/>
            </a:ext>
          </a:extLst>
        </a:blip>
        <a:srcRect/>
        <a:stretch/>
      </xdr:blipFill>
      <xdr:spPr>
        <a:xfrm>
          <a:off x="977900" y="10002061"/>
          <a:ext cx="535996" cy="729439"/>
        </a:xfrm>
        <a:prstGeom prst="rect">
          <a:avLst/>
        </a:prstGeom>
      </xdr:spPr>
    </xdr:pic>
    <xdr:clientData/>
  </xdr:twoCellAnchor>
  <xdr:twoCellAnchor editAs="oneCell">
    <xdr:from>
      <xdr:col>2</xdr:col>
      <xdr:colOff>314325</xdr:colOff>
      <xdr:row>30</xdr:row>
      <xdr:rowOff>228600</xdr:rowOff>
    </xdr:from>
    <xdr:to>
      <xdr:col>2</xdr:col>
      <xdr:colOff>703884</xdr:colOff>
      <xdr:row>30</xdr:row>
      <xdr:rowOff>699199</xdr:rowOff>
    </xdr:to>
    <xdr:pic>
      <xdr:nvPicPr>
        <xdr:cNvPr id="24" name="Рисунок 5">
          <a:extLst>
            <a:ext uri="{FF2B5EF4-FFF2-40B4-BE49-F238E27FC236}">
              <a16:creationId xmlns:a16="http://schemas.microsoft.com/office/drawing/2014/main" id="{21B2E4E0-7077-4701-B5EF-17A3CB16F6D4}"/>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1038225" y="11096625"/>
          <a:ext cx="389559" cy="470599"/>
        </a:xfrm>
        <a:prstGeom prst="rect">
          <a:avLst/>
        </a:prstGeom>
      </xdr:spPr>
    </xdr:pic>
    <xdr:clientData/>
  </xdr:twoCellAnchor>
  <xdr:oneCellAnchor>
    <xdr:from>
      <xdr:col>2</xdr:col>
      <xdr:colOff>292101</xdr:colOff>
      <xdr:row>14</xdr:row>
      <xdr:rowOff>31750</xdr:rowOff>
    </xdr:from>
    <xdr:ext cx="292100" cy="477543"/>
    <xdr:pic>
      <xdr:nvPicPr>
        <xdr:cNvPr id="18" name="图片 13">
          <a:extLst>
            <a:ext uri="{FF2B5EF4-FFF2-40B4-BE49-F238E27FC236}">
              <a16:creationId xmlns:a16="http://schemas.microsoft.com/office/drawing/2014/main" id="{6B0B4CA3-CF3E-439D-A902-BA80D24D6C80}"/>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2774951" y="5588000"/>
          <a:ext cx="292100" cy="477543"/>
        </a:xfrm>
        <a:prstGeom prst="rect">
          <a:avLst/>
        </a:prstGeom>
      </xdr:spPr>
    </xdr:pic>
    <xdr:clientData/>
  </xdr:oneCellAnchor>
  <xdr:twoCellAnchor>
    <xdr:from>
      <xdr:col>2</xdr:col>
      <xdr:colOff>150989</xdr:colOff>
      <xdr:row>3</xdr:row>
      <xdr:rowOff>102305</xdr:rowOff>
    </xdr:from>
    <xdr:to>
      <xdr:col>2</xdr:col>
      <xdr:colOff>838200</xdr:colOff>
      <xdr:row>3</xdr:row>
      <xdr:rowOff>584200</xdr:rowOff>
    </xdr:to>
    <xdr:pic>
      <xdr:nvPicPr>
        <xdr:cNvPr id="22" name="图片 3">
          <a:extLst>
            <a:ext uri="{FF2B5EF4-FFF2-40B4-BE49-F238E27FC236}">
              <a16:creationId xmlns:a16="http://schemas.microsoft.com/office/drawing/2014/main" id="{16B21C20-4CC4-4B2C-8E3D-3A365DFCA517}"/>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2633839" y="896055"/>
          <a:ext cx="687211" cy="481895"/>
        </a:xfrm>
        <a:prstGeom prst="rect">
          <a:avLst/>
        </a:prstGeom>
        <a:noFill/>
        <a:ln>
          <a:noFill/>
        </a:ln>
      </xdr:spPr>
    </xdr:pic>
    <xdr:clientData/>
  </xdr:twoCellAnchor>
  <xdr:twoCellAnchor>
    <xdr:from>
      <xdr:col>2</xdr:col>
      <xdr:colOff>225605</xdr:colOff>
      <xdr:row>8</xdr:row>
      <xdr:rowOff>456495</xdr:rowOff>
    </xdr:from>
    <xdr:to>
      <xdr:col>2</xdr:col>
      <xdr:colOff>704850</xdr:colOff>
      <xdr:row>10</xdr:row>
      <xdr:rowOff>76200</xdr:rowOff>
    </xdr:to>
    <xdr:pic>
      <xdr:nvPicPr>
        <xdr:cNvPr id="27" name="图片 87" descr="C:\Users\l01304\AppData\Local\Temp\notesE97E9E\new-dome-x.679x2副本.png">
          <a:extLst>
            <a:ext uri="{FF2B5EF4-FFF2-40B4-BE49-F238E27FC236}">
              <a16:creationId xmlns:a16="http://schemas.microsoft.com/office/drawing/2014/main" id="{39CCE7E2-BFF7-4A8E-9CC2-8FB1DDE16338}"/>
            </a:ext>
          </a:extLst>
        </xdr:cNvPr>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2708455" y="3853745"/>
          <a:ext cx="479245" cy="699205"/>
        </a:xfrm>
        <a:prstGeom prst="rect">
          <a:avLst/>
        </a:prstGeom>
        <a:noFill/>
        <a:ln w="9525">
          <a:noFill/>
          <a:miter lim="800000"/>
          <a:headEnd/>
          <a:tailEnd/>
        </a:ln>
      </xdr:spPr>
    </xdr:pic>
    <xdr:clientData/>
  </xdr:twoCellAnchor>
  <xdr:oneCellAnchor>
    <xdr:from>
      <xdr:col>2</xdr:col>
      <xdr:colOff>285751</xdr:colOff>
      <xdr:row>24</xdr:row>
      <xdr:rowOff>69851</xdr:rowOff>
    </xdr:from>
    <xdr:ext cx="425450" cy="476250"/>
    <xdr:pic>
      <xdr:nvPicPr>
        <xdr:cNvPr id="30" name="图片 42" descr="C:\Users\g00475\Desktop\111\123\中载云台渲染图.478.png">
          <a:extLst>
            <a:ext uri="{FF2B5EF4-FFF2-40B4-BE49-F238E27FC236}">
              <a16:creationId xmlns:a16="http://schemas.microsoft.com/office/drawing/2014/main" id="{94F4116B-6CC0-4016-89C9-FA77964DAC3B}"/>
            </a:ext>
          </a:extLst>
        </xdr:cNvPr>
        <xdr:cNvPicPr/>
      </xdr:nvPicPr>
      <xdr:blipFill rotWithShape="1">
        <a:blip xmlns:r="http://schemas.openxmlformats.org/officeDocument/2006/relationships" r:embed="rId6" cstate="email">
          <a:extLst>
            <a:ext uri="{28A0092B-C50C-407E-A947-70E740481C1C}">
              <a14:useLocalDpi xmlns:a14="http://schemas.microsoft.com/office/drawing/2010/main"/>
            </a:ext>
          </a:extLst>
        </a:blip>
        <a:srcRect/>
        <a:stretch/>
      </xdr:blipFill>
      <xdr:spPr bwMode="auto">
        <a:xfrm>
          <a:off x="2768601" y="12827001"/>
          <a:ext cx="425450" cy="476250"/>
        </a:xfrm>
        <a:prstGeom prst="rect">
          <a:avLst/>
        </a:prstGeom>
        <a:noFill/>
        <a:ln>
          <a:noFill/>
        </a:ln>
        <a:extLst>
          <a:ext uri="{53640926-AAD7-44D8-BBD7-CCE9431645EC}">
            <a14:shadowObscured xmlns:a14="http://schemas.microsoft.com/office/drawing/2010/main"/>
          </a:ext>
        </a:extLst>
      </xdr:spPr>
    </xdr:pic>
    <xdr:clientData/>
  </xdr:oneCellAnchor>
  <xdr:oneCellAnchor>
    <xdr:from>
      <xdr:col>2</xdr:col>
      <xdr:colOff>282123</xdr:colOff>
      <xdr:row>7</xdr:row>
      <xdr:rowOff>46265</xdr:rowOff>
    </xdr:from>
    <xdr:ext cx="369318" cy="582386"/>
    <xdr:pic>
      <xdr:nvPicPr>
        <xdr:cNvPr id="31" name="图片 38">
          <a:extLst>
            <a:ext uri="{FF2B5EF4-FFF2-40B4-BE49-F238E27FC236}">
              <a16:creationId xmlns:a16="http://schemas.microsoft.com/office/drawing/2014/main" id="{EEAAA2DE-7DB1-4C9F-BA1D-1B156FC25A61}"/>
            </a:ext>
          </a:extLst>
        </xdr:cNvPr>
        <xdr:cNvPicPr>
          <a:picLocks noChangeAspect="1"/>
        </xdr:cNvPicPr>
      </xdr:nvPicPr>
      <xdr:blipFill rotWithShape="1">
        <a:blip xmlns:r="http://schemas.openxmlformats.org/officeDocument/2006/relationships" r:embed="rId7" cstate="email">
          <a:extLst>
            <a:ext uri="{28A0092B-C50C-407E-A947-70E740481C1C}">
              <a14:useLocalDpi xmlns:a14="http://schemas.microsoft.com/office/drawing/2010/main"/>
            </a:ext>
          </a:extLst>
        </a:blip>
        <a:srcRect/>
        <a:stretch/>
      </xdr:blipFill>
      <xdr:spPr>
        <a:xfrm>
          <a:off x="2764973" y="1697265"/>
          <a:ext cx="369318" cy="582386"/>
        </a:xfrm>
        <a:prstGeom prst="rect">
          <a:avLst/>
        </a:prstGeom>
      </xdr:spPr>
    </xdr:pic>
    <xdr:clientData/>
  </xdr:oneCellAnchor>
  <xdr:oneCellAnchor>
    <xdr:from>
      <xdr:col>2</xdr:col>
      <xdr:colOff>317501</xdr:colOff>
      <xdr:row>16</xdr:row>
      <xdr:rowOff>44450</xdr:rowOff>
    </xdr:from>
    <xdr:ext cx="266700" cy="436017"/>
    <xdr:pic>
      <xdr:nvPicPr>
        <xdr:cNvPr id="34" name="图片 39">
          <a:extLst>
            <a:ext uri="{FF2B5EF4-FFF2-40B4-BE49-F238E27FC236}">
              <a16:creationId xmlns:a16="http://schemas.microsoft.com/office/drawing/2014/main" id="{90936F95-9EE9-43E7-9246-CF1CA29CE100}"/>
            </a:ext>
          </a:extLst>
        </xdr:cNvPr>
        <xdr:cNvPicPr>
          <a:picLocks noChangeAspect="1"/>
        </xdr:cNvPicPr>
      </xdr:nvPicPr>
      <xdr:blipFill>
        <a:blip xmlns:r="http://schemas.openxmlformats.org/officeDocument/2006/relationships" r:embed="rId8" cstate="email">
          <a:extLst>
            <a:ext uri="{28A0092B-C50C-407E-A947-70E740481C1C}">
              <a14:useLocalDpi xmlns:a14="http://schemas.microsoft.com/office/drawing/2010/main"/>
            </a:ext>
          </a:extLst>
        </a:blip>
        <a:srcRect/>
        <a:stretch>
          <a:fillRect/>
        </a:stretch>
      </xdr:blipFill>
      <xdr:spPr>
        <a:xfrm>
          <a:off x="2800351" y="11252200"/>
          <a:ext cx="266700" cy="436017"/>
        </a:xfrm>
        <a:prstGeom prst="rect">
          <a:avLst/>
        </a:prstGeom>
      </xdr:spPr>
    </xdr:pic>
    <xdr:clientData/>
  </xdr:oneCellAnchor>
  <xdr:oneCellAnchor>
    <xdr:from>
      <xdr:col>2</xdr:col>
      <xdr:colOff>286990</xdr:colOff>
      <xdr:row>17</xdr:row>
      <xdr:rowOff>25400</xdr:rowOff>
    </xdr:from>
    <xdr:ext cx="339791" cy="555510"/>
    <xdr:pic>
      <xdr:nvPicPr>
        <xdr:cNvPr id="36" name="图片 47">
          <a:extLst>
            <a:ext uri="{FF2B5EF4-FFF2-40B4-BE49-F238E27FC236}">
              <a16:creationId xmlns:a16="http://schemas.microsoft.com/office/drawing/2014/main" id="{0EEE28F3-BD7A-479A-8585-C5D074F95199}"/>
            </a:ext>
          </a:extLst>
        </xdr:cNvPr>
        <xdr:cNvPicPr>
          <a:picLocks noChangeAspect="1"/>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a:xfrm>
          <a:off x="2769840" y="14490700"/>
          <a:ext cx="339791" cy="555510"/>
        </a:xfrm>
        <a:prstGeom prst="rect">
          <a:avLst/>
        </a:prstGeom>
      </xdr:spPr>
    </xdr:pic>
    <xdr:clientData/>
  </xdr:oneCellAnchor>
  <xdr:oneCellAnchor>
    <xdr:from>
      <xdr:col>1</xdr:col>
      <xdr:colOff>1581151</xdr:colOff>
      <xdr:row>5</xdr:row>
      <xdr:rowOff>25401</xdr:rowOff>
    </xdr:from>
    <xdr:ext cx="1124290" cy="774700"/>
    <xdr:pic>
      <xdr:nvPicPr>
        <xdr:cNvPr id="29" name="图片 46">
          <a:extLst>
            <a:ext uri="{FF2B5EF4-FFF2-40B4-BE49-F238E27FC236}">
              <a16:creationId xmlns:a16="http://schemas.microsoft.com/office/drawing/2014/main" id="{EC4A83C9-ADB3-47C9-A3DB-C2DFDDB872CA}"/>
            </a:ext>
          </a:extLst>
        </xdr:cNvPr>
        <xdr:cNvPicPr>
          <a:picLocks noChangeAspect="1"/>
        </xdr:cNvPicPr>
      </xdr:nvPicPr>
      <xdr:blipFill>
        <a:blip xmlns:r="http://schemas.openxmlformats.org/officeDocument/2006/relationships" r:embed="rId10" cstate="email">
          <a:extLst>
            <a:ext uri="{28A0092B-C50C-407E-A947-70E740481C1C}">
              <a14:useLocalDpi xmlns:a14="http://schemas.microsoft.com/office/drawing/2010/main"/>
            </a:ext>
          </a:extLst>
        </a:blip>
        <a:stretch>
          <a:fillRect/>
        </a:stretch>
      </xdr:blipFill>
      <xdr:spPr>
        <a:xfrm>
          <a:off x="2438401" y="1689101"/>
          <a:ext cx="1124290" cy="774700"/>
        </a:xfrm>
        <a:prstGeom prst="rect">
          <a:avLst/>
        </a:prstGeom>
      </xdr:spPr>
    </xdr:pic>
    <xdr:clientData/>
  </xdr:oneCellAnchor>
  <xdr:oneCellAnchor>
    <xdr:from>
      <xdr:col>2</xdr:col>
      <xdr:colOff>279400</xdr:colOff>
      <xdr:row>11</xdr:row>
      <xdr:rowOff>25401</xdr:rowOff>
    </xdr:from>
    <xdr:ext cx="381000" cy="552449"/>
    <xdr:pic>
      <xdr:nvPicPr>
        <xdr:cNvPr id="49" name="图片 43" descr="http://sgcdn.uniview.com/res/201801/08/20180108_1611531_1b_790169_140445_0.jpg">
          <a:extLst>
            <a:ext uri="{FF2B5EF4-FFF2-40B4-BE49-F238E27FC236}">
              <a16:creationId xmlns:a16="http://schemas.microsoft.com/office/drawing/2014/main" id="{654A0EA4-8904-4D6D-8693-F4C1005267EF}"/>
            </a:ext>
          </a:extLst>
        </xdr:cNvPr>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2762250" y="6788151"/>
          <a:ext cx="381000" cy="552449"/>
        </a:xfrm>
        <a:prstGeom prst="rect">
          <a:avLst/>
        </a:prstGeom>
        <a:noFill/>
        <a:ln>
          <a:noFill/>
        </a:ln>
      </xdr:spPr>
    </xdr:pic>
    <xdr:clientData/>
  </xdr:oneCellAnchor>
  <xdr:oneCellAnchor>
    <xdr:from>
      <xdr:col>2</xdr:col>
      <xdr:colOff>311151</xdr:colOff>
      <xdr:row>15</xdr:row>
      <xdr:rowOff>31751</xdr:rowOff>
    </xdr:from>
    <xdr:ext cx="279657" cy="457200"/>
    <xdr:pic>
      <xdr:nvPicPr>
        <xdr:cNvPr id="53" name="图片 37">
          <a:extLst>
            <a:ext uri="{FF2B5EF4-FFF2-40B4-BE49-F238E27FC236}">
              <a16:creationId xmlns:a16="http://schemas.microsoft.com/office/drawing/2014/main" id="{720FE64B-4FD7-421A-B446-938CB8608952}"/>
            </a:ext>
          </a:extLst>
        </xdr:cNvPr>
        <xdr:cNvPicPr>
          <a:picLocks noChangeAspect="1"/>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2794001" y="12319001"/>
          <a:ext cx="279657" cy="457200"/>
        </a:xfrm>
        <a:prstGeom prst="rect">
          <a:avLst/>
        </a:prstGeom>
      </xdr:spPr>
    </xdr:pic>
    <xdr:clientData/>
  </xdr:oneCellAnchor>
  <xdr:oneCellAnchor>
    <xdr:from>
      <xdr:col>2</xdr:col>
      <xdr:colOff>279401</xdr:colOff>
      <xdr:row>12</xdr:row>
      <xdr:rowOff>25401</xdr:rowOff>
    </xdr:from>
    <xdr:ext cx="342900" cy="497446"/>
    <xdr:pic>
      <xdr:nvPicPr>
        <xdr:cNvPr id="56" name="图片 41">
          <a:extLst>
            <a:ext uri="{FF2B5EF4-FFF2-40B4-BE49-F238E27FC236}">
              <a16:creationId xmlns:a16="http://schemas.microsoft.com/office/drawing/2014/main" id="{13F7D9FF-865E-4AE3-9D7F-C11C70EE353F}"/>
            </a:ext>
          </a:extLst>
        </xdr:cNvPr>
        <xdr:cNvPicPr>
          <a:picLocks noChangeAspect="1"/>
        </xdr:cNvPicPr>
      </xdr:nvPicPr>
      <xdr:blipFill>
        <a:blip xmlns:r="http://schemas.openxmlformats.org/officeDocument/2006/relationships" r:embed="rId13" cstate="email">
          <a:extLst>
            <a:ext uri="{28A0092B-C50C-407E-A947-70E740481C1C}">
              <a14:useLocalDpi xmlns:a14="http://schemas.microsoft.com/office/drawing/2010/main"/>
            </a:ext>
          </a:extLst>
        </a:blip>
        <a:srcRect/>
        <a:stretch>
          <a:fillRect/>
        </a:stretch>
      </xdr:blipFill>
      <xdr:spPr>
        <a:xfrm>
          <a:off x="2762251" y="10947401"/>
          <a:ext cx="342900" cy="497446"/>
        </a:xfrm>
        <a:prstGeom prst="rect">
          <a:avLst/>
        </a:prstGeom>
      </xdr:spPr>
    </xdr:pic>
    <xdr:clientData/>
  </xdr:oneCellAnchor>
  <xdr:oneCellAnchor>
    <xdr:from>
      <xdr:col>2</xdr:col>
      <xdr:colOff>114301</xdr:colOff>
      <xdr:row>13</xdr:row>
      <xdr:rowOff>0</xdr:rowOff>
    </xdr:from>
    <xdr:ext cx="702281" cy="514350"/>
    <xdr:pic>
      <xdr:nvPicPr>
        <xdr:cNvPr id="57" name="图片 7">
          <a:extLst>
            <a:ext uri="{FF2B5EF4-FFF2-40B4-BE49-F238E27FC236}">
              <a16:creationId xmlns:a16="http://schemas.microsoft.com/office/drawing/2014/main" id="{D1E3DC6B-5D26-4EFA-970C-AE40918E548F}"/>
            </a:ext>
          </a:extLst>
        </xdr:cNvPr>
        <xdr:cNvPicPr>
          <a:picLocks noChangeAspect="1"/>
        </xdr:cNvPicPr>
      </xdr:nvPicPr>
      <xdr:blipFill>
        <a:blip xmlns:r="http://schemas.openxmlformats.org/officeDocument/2006/relationships" r:embed="rId14" cstate="email">
          <a:extLst>
            <a:ext uri="{28A0092B-C50C-407E-A947-70E740481C1C}">
              <a14:useLocalDpi xmlns:a14="http://schemas.microsoft.com/office/drawing/2010/main"/>
            </a:ext>
          </a:extLst>
        </a:blip>
        <a:stretch>
          <a:fillRect/>
        </a:stretch>
      </xdr:blipFill>
      <xdr:spPr>
        <a:xfrm>
          <a:off x="2597151" y="8896350"/>
          <a:ext cx="702281" cy="514350"/>
        </a:xfrm>
        <a:prstGeom prst="rect">
          <a:avLst/>
        </a:prstGeom>
      </xdr:spPr>
    </xdr:pic>
    <xdr:clientData/>
  </xdr:oneCellAnchor>
  <xdr:oneCellAnchor>
    <xdr:from>
      <xdr:col>2</xdr:col>
      <xdr:colOff>292100</xdr:colOff>
      <xdr:row>19</xdr:row>
      <xdr:rowOff>69850</xdr:rowOff>
    </xdr:from>
    <xdr:ext cx="330200" cy="469899"/>
    <xdr:pic>
      <xdr:nvPicPr>
        <xdr:cNvPr id="58" name="图片 4" descr="http://sgcdn.uniview.com/res/201801/08/20180108_1611531_1b_790169_140445_0.jpg">
          <a:extLst>
            <a:ext uri="{FF2B5EF4-FFF2-40B4-BE49-F238E27FC236}">
              <a16:creationId xmlns:a16="http://schemas.microsoft.com/office/drawing/2014/main" id="{DEB9C78C-247D-44C5-8117-EC0326C20CB8}"/>
            </a:ext>
          </a:extLst>
        </xdr:cNvPr>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a:xfrm>
          <a:off x="2774950" y="5626100"/>
          <a:ext cx="330200" cy="469899"/>
        </a:xfrm>
        <a:prstGeom prst="rect">
          <a:avLst/>
        </a:prstGeom>
        <a:noFill/>
        <a:ln>
          <a:noFill/>
        </a:ln>
      </xdr:spPr>
    </xdr:pic>
    <xdr:clientData/>
  </xdr:oneCellAnchor>
  <xdr:oneCellAnchor>
    <xdr:from>
      <xdr:col>2</xdr:col>
      <xdr:colOff>241300</xdr:colOff>
      <xdr:row>18</xdr:row>
      <xdr:rowOff>31751</xdr:rowOff>
    </xdr:from>
    <xdr:ext cx="378240" cy="450850"/>
    <xdr:pic>
      <xdr:nvPicPr>
        <xdr:cNvPr id="59" name="图片 31">
          <a:extLst>
            <a:ext uri="{FF2B5EF4-FFF2-40B4-BE49-F238E27FC236}">
              <a16:creationId xmlns:a16="http://schemas.microsoft.com/office/drawing/2014/main" id="{9BF33A2B-6D18-48E7-9821-08896A881415}"/>
            </a:ext>
          </a:extLst>
        </xdr:cNvPr>
        <xdr:cNvPicPr>
          <a:picLocks noChangeAspect="1"/>
        </xdr:cNvPicPr>
      </xdr:nvPicPr>
      <xdr:blipFill>
        <a:blip xmlns:r="http://schemas.openxmlformats.org/officeDocument/2006/relationships" r:embed="rId16" cstate="email">
          <a:extLst>
            <a:ext uri="{28A0092B-C50C-407E-A947-70E740481C1C}">
              <a14:useLocalDpi xmlns:a14="http://schemas.microsoft.com/office/drawing/2010/main"/>
            </a:ext>
          </a:extLst>
        </a:blip>
        <a:stretch>
          <a:fillRect/>
        </a:stretch>
      </xdr:blipFill>
      <xdr:spPr>
        <a:xfrm>
          <a:off x="2724150" y="5048251"/>
          <a:ext cx="378240" cy="450850"/>
        </a:xfrm>
        <a:prstGeom prst="rect">
          <a:avLst/>
        </a:prstGeom>
      </xdr:spPr>
    </xdr:pic>
    <xdr:clientData/>
  </xdr:oneCellAnchor>
  <xdr:oneCellAnchor>
    <xdr:from>
      <xdr:col>2</xdr:col>
      <xdr:colOff>323850</xdr:colOff>
      <xdr:row>20</xdr:row>
      <xdr:rowOff>6350</xdr:rowOff>
    </xdr:from>
    <xdr:ext cx="279657" cy="457200"/>
    <xdr:pic>
      <xdr:nvPicPr>
        <xdr:cNvPr id="62" name="图片 12">
          <a:extLst>
            <a:ext uri="{FF2B5EF4-FFF2-40B4-BE49-F238E27FC236}">
              <a16:creationId xmlns:a16="http://schemas.microsoft.com/office/drawing/2014/main" id="{BF322A05-69F1-4ECD-A171-5745B6E7C30B}"/>
            </a:ext>
          </a:extLst>
        </xdr:cNvPr>
        <xdr:cNvPicPr>
          <a:picLocks noChangeAspect="1"/>
        </xdr:cNvPicPr>
      </xdr:nvPicPr>
      <xdr:blipFill>
        <a:blip xmlns:r="http://schemas.openxmlformats.org/officeDocument/2006/relationships" r:embed="rId17" cstate="email">
          <a:extLst>
            <a:ext uri="{28A0092B-C50C-407E-A947-70E740481C1C}">
              <a14:useLocalDpi xmlns:a14="http://schemas.microsoft.com/office/drawing/2010/main"/>
            </a:ext>
          </a:extLst>
        </a:blip>
        <a:srcRect/>
        <a:stretch>
          <a:fillRect/>
        </a:stretch>
      </xdr:blipFill>
      <xdr:spPr>
        <a:xfrm>
          <a:off x="2806700" y="13481050"/>
          <a:ext cx="279657" cy="457200"/>
        </a:xfrm>
        <a:prstGeom prst="rect">
          <a:avLst/>
        </a:prstGeom>
      </xdr:spPr>
    </xdr:pic>
    <xdr:clientData/>
  </xdr:oneCellAnchor>
  <xdr:oneCellAnchor>
    <xdr:from>
      <xdr:col>2</xdr:col>
      <xdr:colOff>311151</xdr:colOff>
      <xdr:row>22</xdr:row>
      <xdr:rowOff>12700</xdr:rowOff>
    </xdr:from>
    <xdr:ext cx="292100" cy="477543"/>
    <xdr:pic>
      <xdr:nvPicPr>
        <xdr:cNvPr id="64" name="图片 13">
          <a:extLst>
            <a:ext uri="{FF2B5EF4-FFF2-40B4-BE49-F238E27FC236}">
              <a16:creationId xmlns:a16="http://schemas.microsoft.com/office/drawing/2014/main" id="{A7A4DABB-B08E-41C5-9AB6-D86F908BBF8B}"/>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2794001" y="7981950"/>
          <a:ext cx="292100" cy="477543"/>
        </a:xfrm>
        <a:prstGeom prst="rect">
          <a:avLst/>
        </a:prstGeom>
      </xdr:spPr>
    </xdr:pic>
    <xdr:clientData/>
  </xdr:oneCellAnchor>
  <xdr:oneCellAnchor>
    <xdr:from>
      <xdr:col>2</xdr:col>
      <xdr:colOff>31749</xdr:colOff>
      <xdr:row>21</xdr:row>
      <xdr:rowOff>0</xdr:rowOff>
    </xdr:from>
    <xdr:ext cx="863601" cy="685800"/>
    <xdr:pic>
      <xdr:nvPicPr>
        <xdr:cNvPr id="65" name="图片 22" descr="\\Info-server\国内支撑平台\前端IPC\渲染图\球机\8寸球机\8寸雨刷球\HIC6841-IRL@W-X38-L-WSGB-VC-F-.png">
          <a:extLst>
            <a:ext uri="{FF2B5EF4-FFF2-40B4-BE49-F238E27FC236}">
              <a16:creationId xmlns:a16="http://schemas.microsoft.com/office/drawing/2014/main" id="{102B6C20-41C8-4C73-AAC1-1AD133117518}"/>
            </a:ext>
          </a:extLst>
        </xdr:cNvPr>
        <xdr:cNvPicPr/>
      </xdr:nvPicPr>
      <xdr:blipFill>
        <a:blip xmlns:r="http://schemas.openxmlformats.org/officeDocument/2006/relationships" r:embed="rId18" cstate="email">
          <a:extLst>
            <a:ext uri="{28A0092B-C50C-407E-A947-70E740481C1C}">
              <a14:useLocalDpi xmlns:a14="http://schemas.microsoft.com/office/drawing/2010/main"/>
            </a:ext>
          </a:extLst>
        </a:blip>
        <a:srcRect/>
        <a:stretch>
          <a:fillRect/>
        </a:stretch>
      </xdr:blipFill>
      <xdr:spPr bwMode="auto">
        <a:xfrm>
          <a:off x="2514599" y="7302500"/>
          <a:ext cx="863601" cy="685800"/>
        </a:xfrm>
        <a:prstGeom prst="rect">
          <a:avLst/>
        </a:prstGeom>
        <a:noFill/>
        <a:ln w="9525">
          <a:noFill/>
          <a:miter lim="800000"/>
          <a:headEnd/>
          <a:tailEnd/>
        </a:ln>
      </xdr:spPr>
    </xdr:pic>
    <xdr:clientData/>
  </xdr:oneCellAnchor>
  <xdr:oneCellAnchor>
    <xdr:from>
      <xdr:col>2</xdr:col>
      <xdr:colOff>342900</xdr:colOff>
      <xdr:row>25</xdr:row>
      <xdr:rowOff>95250</xdr:rowOff>
    </xdr:from>
    <xdr:ext cx="466725" cy="428626"/>
    <xdr:pic>
      <xdr:nvPicPr>
        <xdr:cNvPr id="26" name="图片 23" descr="C:\Users\g00475\Desktop\111\123\中载云台渲染图.478.png">
          <a:extLst>
            <a:ext uri="{FF2B5EF4-FFF2-40B4-BE49-F238E27FC236}">
              <a16:creationId xmlns:a16="http://schemas.microsoft.com/office/drawing/2014/main" id="{068E31A5-A3C7-4A95-8148-B3EF0FBC7FE4}"/>
            </a:ext>
          </a:extLst>
        </xdr:cNvPr>
        <xdr:cNvPicPr/>
      </xdr:nvPicPr>
      <xdr:blipFill rotWithShape="1">
        <a:blip xmlns:r="http://schemas.openxmlformats.org/officeDocument/2006/relationships" r:embed="rId19" cstate="email">
          <a:extLst>
            <a:ext uri="{28A0092B-C50C-407E-A947-70E740481C1C}">
              <a14:useLocalDpi xmlns:a14="http://schemas.microsoft.com/office/drawing/2010/main"/>
            </a:ext>
          </a:extLst>
        </a:blip>
        <a:srcRect/>
        <a:stretch/>
      </xdr:blipFill>
      <xdr:spPr bwMode="auto">
        <a:xfrm>
          <a:off x="2825750" y="14751050"/>
          <a:ext cx="466725" cy="428626"/>
        </a:xfrm>
        <a:prstGeom prst="rect">
          <a:avLst/>
        </a:prstGeom>
        <a:noFill/>
        <a:ln>
          <a:noFill/>
        </a:ln>
        <a:extLst>
          <a:ext uri="{53640926-AAD7-44D8-BBD7-CCE9431645EC}">
            <a14:shadowObscured xmlns:a14="http://schemas.microsoft.com/office/drawing/2010/main"/>
          </a:ext>
        </a:extLst>
      </xdr:spPr>
    </xdr:pic>
    <xdr:clientData/>
  </xdr:oneCellAnchor>
</xdr:wsDr>
</file>

<file path=xl/drawings/drawing3.xml><?xml version="1.0" encoding="utf-8"?>
<xdr:wsDr xmlns:xdr="http://schemas.openxmlformats.org/drawingml/2006/spreadsheetDrawing" xmlns:a="http://schemas.openxmlformats.org/drawingml/2006/main">
  <xdr:oneCellAnchor>
    <xdr:from>
      <xdr:col>2</xdr:col>
      <xdr:colOff>190501</xdr:colOff>
      <xdr:row>9</xdr:row>
      <xdr:rowOff>95250</xdr:rowOff>
    </xdr:from>
    <xdr:ext cx="787399" cy="298450"/>
    <xdr:pic>
      <xdr:nvPicPr>
        <xdr:cNvPr id="2" name="图片 3">
          <a:extLst>
            <a:ext uri="{FF2B5EF4-FFF2-40B4-BE49-F238E27FC236}">
              <a16:creationId xmlns:a16="http://schemas.microsoft.com/office/drawing/2014/main" id="{0295D22F-2942-4467-AA1A-793B82559C25}"/>
            </a:ext>
          </a:extLst>
        </xdr:cNvPr>
        <xdr:cNvPicPr/>
      </xdr:nvPicPr>
      <xdr:blipFill>
        <a:blip xmlns:r="http://schemas.openxmlformats.org/officeDocument/2006/relationships" r:embed="rId1" cstate="email">
          <a:lum/>
          <a:extLst>
            <a:ext uri="{28A0092B-C50C-407E-A947-70E740481C1C}">
              <a14:useLocalDpi xmlns:a14="http://schemas.microsoft.com/office/drawing/2010/main"/>
            </a:ext>
          </a:extLst>
        </a:blip>
        <a:srcRect/>
        <a:stretch>
          <a:fillRect/>
        </a:stretch>
      </xdr:blipFill>
      <xdr:spPr>
        <a:xfrm>
          <a:off x="857251" y="21040725"/>
          <a:ext cx="787399" cy="298450"/>
        </a:xfrm>
        <a:prstGeom prst="rect">
          <a:avLst/>
        </a:prstGeom>
        <a:noFill/>
        <a:ln w="9525">
          <a:noFill/>
          <a:miter/>
        </a:ln>
      </xdr:spPr>
    </xdr:pic>
    <xdr:clientData/>
  </xdr:oneCellAnchor>
  <xdr:oneCellAnchor>
    <xdr:from>
      <xdr:col>2</xdr:col>
      <xdr:colOff>155575</xdr:colOff>
      <xdr:row>9</xdr:row>
      <xdr:rowOff>412750</xdr:rowOff>
    </xdr:from>
    <xdr:ext cx="895350" cy="595931"/>
    <xdr:pic>
      <xdr:nvPicPr>
        <xdr:cNvPr id="29" name="Picture 28" descr="F:\分销海外产品彩页\海外产品彩页\海外彩页\GNVR V5R1\B01\NVR516 Series V2.1\NVR516_B.png">
          <a:extLst>
            <a:ext uri="{FF2B5EF4-FFF2-40B4-BE49-F238E27FC236}">
              <a16:creationId xmlns:a16="http://schemas.microsoft.com/office/drawing/2014/main" id="{BC44CD5F-960A-4A97-9F3C-5ABD1FA696DB}"/>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a:off x="822325" y="21358225"/>
          <a:ext cx="895350" cy="595931"/>
        </a:xfrm>
        <a:prstGeom prst="rect">
          <a:avLst/>
        </a:prstGeom>
        <a:noFill/>
      </xdr:spPr>
    </xdr:pic>
    <xdr:clientData/>
  </xdr:oneCellAnchor>
  <xdr:oneCellAnchor>
    <xdr:from>
      <xdr:col>2</xdr:col>
      <xdr:colOff>76200</xdr:colOff>
      <xdr:row>3</xdr:row>
      <xdr:rowOff>196850</xdr:rowOff>
    </xdr:from>
    <xdr:ext cx="1136742" cy="850900"/>
    <xdr:pic>
      <xdr:nvPicPr>
        <xdr:cNvPr id="44" name="图片 26">
          <a:extLst>
            <a:ext uri="{FF2B5EF4-FFF2-40B4-BE49-F238E27FC236}">
              <a16:creationId xmlns:a16="http://schemas.microsoft.com/office/drawing/2014/main" id="{35FE4D15-2635-4233-9B90-3B939B10D32D}"/>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a:ext>
          </a:extLst>
        </a:blip>
        <a:stretch>
          <a:fillRect/>
        </a:stretch>
      </xdr:blipFill>
      <xdr:spPr>
        <a:xfrm>
          <a:off x="2343150" y="1409700"/>
          <a:ext cx="1136742" cy="850900"/>
        </a:xfrm>
        <a:prstGeom prst="rect">
          <a:avLst/>
        </a:prstGeom>
      </xdr:spPr>
    </xdr:pic>
    <xdr:clientData/>
  </xdr:oneCellAnchor>
  <xdr:twoCellAnchor>
    <xdr:from>
      <xdr:col>2</xdr:col>
      <xdr:colOff>381001</xdr:colOff>
      <xdr:row>16</xdr:row>
      <xdr:rowOff>12700</xdr:rowOff>
    </xdr:from>
    <xdr:to>
      <xdr:col>2</xdr:col>
      <xdr:colOff>1041401</xdr:colOff>
      <xdr:row>16</xdr:row>
      <xdr:rowOff>535299</xdr:rowOff>
    </xdr:to>
    <xdr:pic>
      <xdr:nvPicPr>
        <xdr:cNvPr id="5" name="图片 13">
          <a:extLst>
            <a:ext uri="{FF2B5EF4-FFF2-40B4-BE49-F238E27FC236}">
              <a16:creationId xmlns:a16="http://schemas.microsoft.com/office/drawing/2014/main" id="{1F58F592-4AB0-4571-B2D7-7C5CD186CA29}"/>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a:ext>
          </a:extLst>
        </a:blip>
        <a:stretch>
          <a:fillRect/>
        </a:stretch>
      </xdr:blipFill>
      <xdr:spPr>
        <a:xfrm>
          <a:off x="2647951" y="6089650"/>
          <a:ext cx="660400" cy="522599"/>
        </a:xfrm>
        <a:prstGeom prst="rect">
          <a:avLst/>
        </a:prstGeom>
      </xdr:spPr>
    </xdr:pic>
    <xdr:clientData/>
  </xdr:twoCellAnchor>
  <xdr:twoCellAnchor>
    <xdr:from>
      <xdr:col>2</xdr:col>
      <xdr:colOff>177800</xdr:colOff>
      <xdr:row>14</xdr:row>
      <xdr:rowOff>120651</xdr:rowOff>
    </xdr:from>
    <xdr:to>
      <xdr:col>2</xdr:col>
      <xdr:colOff>1136650</xdr:colOff>
      <xdr:row>15</xdr:row>
      <xdr:rowOff>256239</xdr:rowOff>
    </xdr:to>
    <xdr:pic>
      <xdr:nvPicPr>
        <xdr:cNvPr id="6" name="图片 2">
          <a:extLst>
            <a:ext uri="{FF2B5EF4-FFF2-40B4-BE49-F238E27FC236}">
              <a16:creationId xmlns:a16="http://schemas.microsoft.com/office/drawing/2014/main" id="{DF77A7E5-C4E8-41D8-A605-68B41E97A3DA}"/>
            </a:ext>
          </a:extLst>
        </xdr:cNvPr>
        <xdr:cNvPicPr>
          <a:picLocks noChangeAspect="1" noChangeArrowheads="1"/>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2444750" y="4324351"/>
          <a:ext cx="958850" cy="472138"/>
        </a:xfrm>
        <a:prstGeom prst="rect">
          <a:avLst/>
        </a:prstGeom>
        <a:noFill/>
        <a:ln>
          <a:noFill/>
        </a:ln>
      </xdr:spPr>
    </xdr:pic>
    <xdr:clientData/>
  </xdr:twoCellAnchor>
  <xdr:oneCellAnchor>
    <xdr:from>
      <xdr:col>2</xdr:col>
      <xdr:colOff>260351</xdr:colOff>
      <xdr:row>11</xdr:row>
      <xdr:rowOff>57150</xdr:rowOff>
    </xdr:from>
    <xdr:ext cx="723900" cy="256381"/>
    <xdr:pic>
      <xdr:nvPicPr>
        <xdr:cNvPr id="7" name="图片 3">
          <a:extLst>
            <a:ext uri="{FF2B5EF4-FFF2-40B4-BE49-F238E27FC236}">
              <a16:creationId xmlns:a16="http://schemas.microsoft.com/office/drawing/2014/main" id="{F51D0286-8489-4692-849B-1532226A9A94}"/>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a:ext>
          </a:extLst>
        </a:blip>
        <a:stretch>
          <a:fillRect/>
        </a:stretch>
      </xdr:blipFill>
      <xdr:spPr>
        <a:xfrm>
          <a:off x="2527301" y="4260850"/>
          <a:ext cx="723900" cy="256381"/>
        </a:xfrm>
        <a:prstGeom prst="rect">
          <a:avLst/>
        </a:prstGeom>
      </xdr:spPr>
    </xdr:pic>
    <xdr:clientData/>
  </xdr:oneCellAnchor>
  <xdr:oneCellAnchor>
    <xdr:from>
      <xdr:col>2</xdr:col>
      <xdr:colOff>285751</xdr:colOff>
      <xdr:row>12</xdr:row>
      <xdr:rowOff>69850</xdr:rowOff>
    </xdr:from>
    <xdr:ext cx="647700" cy="266700"/>
    <xdr:pic>
      <xdr:nvPicPr>
        <xdr:cNvPr id="8" name="图片 4">
          <a:extLst>
            <a:ext uri="{FF2B5EF4-FFF2-40B4-BE49-F238E27FC236}">
              <a16:creationId xmlns:a16="http://schemas.microsoft.com/office/drawing/2014/main" id="{F2993C6D-764E-4615-AAD4-F2B6BF5FEC14}"/>
            </a:ext>
          </a:extLst>
        </xdr:cNvPr>
        <xdr:cNvPicPr/>
      </xdr:nvPicPr>
      <xdr:blipFill>
        <a:blip xmlns:r="http://schemas.openxmlformats.org/officeDocument/2006/relationships" r:embed="rId7" cstate="email">
          <a:lum/>
          <a:extLst>
            <a:ext uri="{28A0092B-C50C-407E-A947-70E740481C1C}">
              <a14:useLocalDpi xmlns:a14="http://schemas.microsoft.com/office/drawing/2010/main"/>
            </a:ext>
          </a:extLst>
        </a:blip>
        <a:srcRect/>
        <a:stretch>
          <a:fillRect/>
        </a:stretch>
      </xdr:blipFill>
      <xdr:spPr>
        <a:xfrm>
          <a:off x="2552701" y="4667250"/>
          <a:ext cx="647700" cy="266700"/>
        </a:xfrm>
        <a:prstGeom prst="rect">
          <a:avLst/>
        </a:prstGeom>
        <a:noFill/>
        <a:ln w="9525">
          <a:noFill/>
          <a:miter/>
        </a:ln>
      </xdr:spPr>
    </xdr:pic>
    <xdr:clientData/>
  </xdr:oneCellAnchor>
  <xdr:oneCellAnchor>
    <xdr:from>
      <xdr:col>2</xdr:col>
      <xdr:colOff>463551</xdr:colOff>
      <xdr:row>13</xdr:row>
      <xdr:rowOff>95250</xdr:rowOff>
    </xdr:from>
    <xdr:ext cx="450850" cy="169855"/>
    <xdr:pic>
      <xdr:nvPicPr>
        <xdr:cNvPr id="9" name="图片 5">
          <a:extLst>
            <a:ext uri="{FF2B5EF4-FFF2-40B4-BE49-F238E27FC236}">
              <a16:creationId xmlns:a16="http://schemas.microsoft.com/office/drawing/2014/main" id="{08610311-0E9E-42D1-BFBD-64DE8AEF4484}"/>
            </a:ext>
          </a:extLst>
        </xdr:cNvPr>
        <xdr:cNvPicPr>
          <a:picLocks noChangeAspect="1"/>
        </xdr:cNvPicPr>
      </xdr:nvPicPr>
      <xdr:blipFill>
        <a:blip xmlns:r="http://schemas.openxmlformats.org/officeDocument/2006/relationships" r:embed="rId8" cstate="email">
          <a:extLst>
            <a:ext uri="{28A0092B-C50C-407E-A947-70E740481C1C}">
              <a14:useLocalDpi xmlns:a14="http://schemas.microsoft.com/office/drawing/2010/main"/>
            </a:ext>
          </a:extLst>
        </a:blip>
        <a:stretch>
          <a:fillRect/>
        </a:stretch>
      </xdr:blipFill>
      <xdr:spPr>
        <a:xfrm>
          <a:off x="2730501" y="5086350"/>
          <a:ext cx="450850" cy="169855"/>
        </a:xfrm>
        <a:prstGeom prst="rect">
          <a:avLst/>
        </a:prstGeom>
      </xdr:spPr>
    </xdr:pic>
    <xdr:clientData/>
  </xdr:oneCellAnchor>
  <xdr:oneCellAnchor>
    <xdr:from>
      <xdr:col>2</xdr:col>
      <xdr:colOff>323851</xdr:colOff>
      <xdr:row>2</xdr:row>
      <xdr:rowOff>50801</xdr:rowOff>
    </xdr:from>
    <xdr:ext cx="615950" cy="404514"/>
    <xdr:pic>
      <xdr:nvPicPr>
        <xdr:cNvPr id="10" name="图片 6" descr="C:\Users\s01501\AppData\Roaming\Foxmail7\Temp-5900-20190228084323\fox(03-01-10-42-19).gif">
          <a:extLst>
            <a:ext uri="{FF2B5EF4-FFF2-40B4-BE49-F238E27FC236}">
              <a16:creationId xmlns:a16="http://schemas.microsoft.com/office/drawing/2014/main" id="{7CE0CB05-4A91-48ED-9101-44CA0366BA64}"/>
            </a:ext>
          </a:extLst>
        </xdr:cNvPr>
        <xdr:cNvPicPr>
          <a:picLocks noChangeAspect="1" noChangeArrowheads="1"/>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a:xfrm>
          <a:off x="2590801" y="685801"/>
          <a:ext cx="615950" cy="404514"/>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2</xdr:col>
      <xdr:colOff>179234</xdr:colOff>
      <xdr:row>7</xdr:row>
      <xdr:rowOff>234950</xdr:rowOff>
    </xdr:from>
    <xdr:ext cx="1009486" cy="381635"/>
    <xdr:pic>
      <xdr:nvPicPr>
        <xdr:cNvPr id="11" name="图片 11">
          <a:extLst>
            <a:ext uri="{FF2B5EF4-FFF2-40B4-BE49-F238E27FC236}">
              <a16:creationId xmlns:a16="http://schemas.microsoft.com/office/drawing/2014/main" id="{CCCD9D47-3278-4B5D-94AA-AD885C096919}"/>
            </a:ext>
          </a:extLst>
        </xdr:cNvPr>
        <xdr:cNvPicPr>
          <a:picLocks noChangeAspect="1"/>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a:off x="2446184" y="2882900"/>
          <a:ext cx="1009486" cy="381635"/>
        </a:xfrm>
        <a:prstGeom prst="rect">
          <a:avLst/>
        </a:prstGeom>
      </xdr:spPr>
    </xdr:pic>
    <xdr:clientData/>
  </xdr:oneCellAnchor>
</xdr:wsDr>
</file>

<file path=xl/drawings/drawing4.xml><?xml version="1.0" encoding="utf-8"?>
<xdr:wsDr xmlns:xdr="http://schemas.openxmlformats.org/drawingml/2006/spreadsheetDrawing" xmlns:a="http://schemas.openxmlformats.org/drawingml/2006/main">
  <xdr:twoCellAnchor editAs="oneCell">
    <xdr:from>
      <xdr:col>1</xdr:col>
      <xdr:colOff>121563</xdr:colOff>
      <xdr:row>68</xdr:row>
      <xdr:rowOff>33215</xdr:rowOff>
    </xdr:from>
    <xdr:to>
      <xdr:col>6</xdr:col>
      <xdr:colOff>12915</xdr:colOff>
      <xdr:row>91</xdr:row>
      <xdr:rowOff>172214</xdr:rowOff>
    </xdr:to>
    <xdr:pic>
      <xdr:nvPicPr>
        <xdr:cNvPr id="2" name="Picture 1">
          <a:extLst>
            <a:ext uri="{FF2B5EF4-FFF2-40B4-BE49-F238E27FC236}">
              <a16:creationId xmlns:a16="http://schemas.microsoft.com/office/drawing/2014/main" id="{3C744017-2696-4E06-9EDC-4DEA90127D64}"/>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235863" y="35021715"/>
          <a:ext cx="7037642" cy="4374449"/>
        </a:xfrm>
        <a:prstGeom prst="rect">
          <a:avLst/>
        </a:prstGeom>
      </xdr:spPr>
    </xdr:pic>
    <xdr:clientData/>
  </xdr:twoCellAnchor>
  <xdr:twoCellAnchor editAs="oneCell">
    <xdr:from>
      <xdr:col>1</xdr:col>
      <xdr:colOff>0</xdr:colOff>
      <xdr:row>98</xdr:row>
      <xdr:rowOff>0</xdr:rowOff>
    </xdr:from>
    <xdr:to>
      <xdr:col>5</xdr:col>
      <xdr:colOff>303796</xdr:colOff>
      <xdr:row>107</xdr:row>
      <xdr:rowOff>70448</xdr:rowOff>
    </xdr:to>
    <xdr:pic>
      <xdr:nvPicPr>
        <xdr:cNvPr id="3" name="Picture 2">
          <a:extLst>
            <a:ext uri="{FF2B5EF4-FFF2-40B4-BE49-F238E27FC236}">
              <a16:creationId xmlns:a16="http://schemas.microsoft.com/office/drawing/2014/main" id="{37597474-82F7-49B1-88D7-D61D5F7E62C8}"/>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a:ext>
          </a:extLst>
        </a:blip>
        <a:stretch>
          <a:fillRect/>
        </a:stretch>
      </xdr:blipFill>
      <xdr:spPr>
        <a:xfrm>
          <a:off x="114300" y="40513000"/>
          <a:ext cx="6401066" cy="1727798"/>
        </a:xfrm>
        <a:prstGeom prst="rect">
          <a:avLst/>
        </a:prstGeom>
      </xdr:spPr>
    </xdr:pic>
    <xdr:clientData/>
  </xdr:twoCellAnchor>
  <xdr:twoCellAnchor editAs="oneCell">
    <xdr:from>
      <xdr:col>2</xdr:col>
      <xdr:colOff>395655</xdr:colOff>
      <xdr:row>6</xdr:row>
      <xdr:rowOff>68385</xdr:rowOff>
    </xdr:from>
    <xdr:to>
      <xdr:col>2</xdr:col>
      <xdr:colOff>1023366</xdr:colOff>
      <xdr:row>6</xdr:row>
      <xdr:rowOff>346808</xdr:rowOff>
    </xdr:to>
    <xdr:pic>
      <xdr:nvPicPr>
        <xdr:cNvPr id="4" name="Picture 3">
          <a:extLst>
            <a:ext uri="{FF2B5EF4-FFF2-40B4-BE49-F238E27FC236}">
              <a16:creationId xmlns:a16="http://schemas.microsoft.com/office/drawing/2014/main" id="{0521027F-E88A-4535-8BEC-FD3735CE991B}"/>
            </a:ext>
          </a:extLst>
        </xdr:cNvPr>
        <xdr:cNvPicPr>
          <a:picLocks noChangeAspect="1" noChangeArrowheads="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bwMode="auto">
        <a:xfrm>
          <a:off x="2218105" y="1471735"/>
          <a:ext cx="627711" cy="2784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57413</xdr:colOff>
      <xdr:row>48</xdr:row>
      <xdr:rowOff>24695</xdr:rowOff>
    </xdr:from>
    <xdr:to>
      <xdr:col>2</xdr:col>
      <xdr:colOff>869857</xdr:colOff>
      <xdr:row>48</xdr:row>
      <xdr:rowOff>464039</xdr:rowOff>
    </xdr:to>
    <xdr:pic>
      <xdr:nvPicPr>
        <xdr:cNvPr id="5" name="图片 81" descr="C:\Users\y00481\Desktop\图片文档\TR-WM06-C-IN 筒机壁装支架.png">
          <a:extLst>
            <a:ext uri="{FF2B5EF4-FFF2-40B4-BE49-F238E27FC236}">
              <a16:creationId xmlns:a16="http://schemas.microsoft.com/office/drawing/2014/main" id="{12DB288C-D134-49BC-94DC-7424B3BCA3C9}"/>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2079863" y="24383295"/>
          <a:ext cx="612444" cy="439344"/>
        </a:xfrm>
        <a:prstGeom prst="rect">
          <a:avLst/>
        </a:prstGeom>
        <a:noFill/>
        <a:ln>
          <a:noFill/>
        </a:ln>
      </xdr:spPr>
    </xdr:pic>
    <xdr:clientData/>
  </xdr:twoCellAnchor>
  <xdr:twoCellAnchor editAs="oneCell">
    <xdr:from>
      <xdr:col>2</xdr:col>
      <xdr:colOff>472723</xdr:colOff>
      <xdr:row>22</xdr:row>
      <xdr:rowOff>42334</xdr:rowOff>
    </xdr:from>
    <xdr:to>
      <xdr:col>2</xdr:col>
      <xdr:colOff>631527</xdr:colOff>
      <xdr:row>22</xdr:row>
      <xdr:rowOff>420077</xdr:rowOff>
    </xdr:to>
    <xdr:pic>
      <xdr:nvPicPr>
        <xdr:cNvPr id="6" name="图片 91">
          <a:extLst>
            <a:ext uri="{FF2B5EF4-FFF2-40B4-BE49-F238E27FC236}">
              <a16:creationId xmlns:a16="http://schemas.microsoft.com/office/drawing/2014/main" id="{EDC4D7C2-7614-45FF-8994-B85205A14EAA}"/>
            </a:ext>
          </a:extLst>
        </xdr:cNvPr>
        <xdr:cNvPicPr>
          <a:picLocks noChangeAspect="1"/>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2295173" y="10589684"/>
          <a:ext cx="158804" cy="377743"/>
        </a:xfrm>
        <a:prstGeom prst="rect">
          <a:avLst/>
        </a:prstGeom>
        <a:noFill/>
        <a:ln w="9525">
          <a:noFill/>
          <a:miter lim="800000"/>
          <a:headEnd/>
          <a:tailEnd/>
        </a:ln>
      </xdr:spPr>
    </xdr:pic>
    <xdr:clientData/>
  </xdr:twoCellAnchor>
  <xdr:twoCellAnchor editAs="oneCell">
    <xdr:from>
      <xdr:col>2</xdr:col>
      <xdr:colOff>529167</xdr:colOff>
      <xdr:row>23</xdr:row>
      <xdr:rowOff>119946</xdr:rowOff>
    </xdr:from>
    <xdr:to>
      <xdr:col>2</xdr:col>
      <xdr:colOff>653904</xdr:colOff>
      <xdr:row>23</xdr:row>
      <xdr:rowOff>351694</xdr:rowOff>
    </xdr:to>
    <xdr:pic>
      <xdr:nvPicPr>
        <xdr:cNvPr id="7" name="图片 87">
          <a:extLst>
            <a:ext uri="{FF2B5EF4-FFF2-40B4-BE49-F238E27FC236}">
              <a16:creationId xmlns:a16="http://schemas.microsoft.com/office/drawing/2014/main" id="{9B430B31-939B-4EFE-9BB1-04ECD9574486}"/>
            </a:ext>
          </a:extLst>
        </xdr:cNvPr>
        <xdr:cNvPicPr>
          <a:picLocks noChangeAspect="1"/>
        </xdr:cNvPicPr>
      </xdr:nvPicPr>
      <xdr:blipFill>
        <a:blip xmlns:r="http://schemas.openxmlformats.org/officeDocument/2006/relationships" r:embed="rId6" cstate="email">
          <a:extLst>
            <a:ext uri="{28A0092B-C50C-407E-A947-70E740481C1C}">
              <a14:useLocalDpi xmlns:a14="http://schemas.microsoft.com/office/drawing/2010/main"/>
            </a:ext>
          </a:extLst>
        </a:blip>
        <a:srcRect/>
        <a:stretch>
          <a:fillRect/>
        </a:stretch>
      </xdr:blipFill>
      <xdr:spPr>
        <a:xfrm flipH="1">
          <a:off x="2351617" y="11143546"/>
          <a:ext cx="124737" cy="231748"/>
        </a:xfrm>
        <a:prstGeom prst="rect">
          <a:avLst/>
        </a:prstGeom>
        <a:noFill/>
        <a:ln w="9525">
          <a:noFill/>
          <a:miter lim="800000"/>
          <a:headEnd/>
          <a:tailEnd/>
        </a:ln>
      </xdr:spPr>
    </xdr:pic>
    <xdr:clientData/>
  </xdr:twoCellAnchor>
  <xdr:twoCellAnchor editAs="oneCell">
    <xdr:from>
      <xdr:col>2</xdr:col>
      <xdr:colOff>239888</xdr:colOff>
      <xdr:row>24</xdr:row>
      <xdr:rowOff>28222</xdr:rowOff>
    </xdr:from>
    <xdr:to>
      <xdr:col>2</xdr:col>
      <xdr:colOff>1045308</xdr:colOff>
      <xdr:row>24</xdr:row>
      <xdr:rowOff>433969</xdr:rowOff>
    </xdr:to>
    <xdr:pic>
      <xdr:nvPicPr>
        <xdr:cNvPr id="8" name="图片 92" descr="C:\Users\y00481\Desktop\图片文档\323系列半球嵌入式支架(雅白)-323系列半球.779 (2).png">
          <a:extLst>
            <a:ext uri="{FF2B5EF4-FFF2-40B4-BE49-F238E27FC236}">
              <a16:creationId xmlns:a16="http://schemas.microsoft.com/office/drawing/2014/main" id="{F167ED70-7CD5-4E03-A450-7184CCBA4D97}"/>
            </a:ext>
          </a:extLst>
        </xdr:cNvPr>
        <xdr:cNvPicPr>
          <a:picLocks noChangeAspect="1"/>
        </xdr:cNvPicPr>
      </xdr:nvPicPr>
      <xdr:blipFill>
        <a:blip xmlns:r="http://schemas.openxmlformats.org/officeDocument/2006/relationships" r:embed="rId7" cstate="email">
          <a:extLst>
            <a:ext uri="{28A0092B-C50C-407E-A947-70E740481C1C}">
              <a14:useLocalDpi xmlns:a14="http://schemas.microsoft.com/office/drawing/2010/main"/>
            </a:ext>
          </a:extLst>
        </a:blip>
        <a:srcRect/>
        <a:stretch>
          <a:fillRect/>
        </a:stretch>
      </xdr:blipFill>
      <xdr:spPr>
        <a:xfrm>
          <a:off x="2062338" y="11528072"/>
          <a:ext cx="805420" cy="405747"/>
        </a:xfrm>
        <a:prstGeom prst="rect">
          <a:avLst/>
        </a:prstGeom>
        <a:noFill/>
        <a:ln>
          <a:noFill/>
        </a:ln>
      </xdr:spPr>
    </xdr:pic>
    <xdr:clientData/>
  </xdr:twoCellAnchor>
  <xdr:twoCellAnchor editAs="oneCell">
    <xdr:from>
      <xdr:col>2</xdr:col>
      <xdr:colOff>215568</xdr:colOff>
      <xdr:row>25</xdr:row>
      <xdr:rowOff>98778</xdr:rowOff>
    </xdr:from>
    <xdr:to>
      <xdr:col>2</xdr:col>
      <xdr:colOff>801078</xdr:colOff>
      <xdr:row>25</xdr:row>
      <xdr:rowOff>440578</xdr:rowOff>
    </xdr:to>
    <xdr:pic>
      <xdr:nvPicPr>
        <xdr:cNvPr id="9" name="Picture 1">
          <a:extLst>
            <a:ext uri="{FF2B5EF4-FFF2-40B4-BE49-F238E27FC236}">
              <a16:creationId xmlns:a16="http://schemas.microsoft.com/office/drawing/2014/main" id="{067EDCE4-326D-43AE-8AF1-63B01989F195}"/>
            </a:ext>
          </a:extLst>
        </xdr:cNvPr>
        <xdr:cNvPicPr>
          <a:picLocks noChangeAspect="1" noChangeArrowheads="1"/>
        </xdr:cNvPicPr>
      </xdr:nvPicPr>
      <xdr:blipFill>
        <a:blip xmlns:r="http://schemas.openxmlformats.org/officeDocument/2006/relationships" r:embed="rId8" cstate="email">
          <a:extLst>
            <a:ext uri="{28A0092B-C50C-407E-A947-70E740481C1C}">
              <a14:useLocalDpi xmlns:a14="http://schemas.microsoft.com/office/drawing/2010/main"/>
            </a:ext>
          </a:extLst>
        </a:blip>
        <a:srcRect/>
        <a:stretch>
          <a:fillRect/>
        </a:stretch>
      </xdr:blipFill>
      <xdr:spPr>
        <a:xfrm>
          <a:off x="2038018" y="12074878"/>
          <a:ext cx="585510" cy="341800"/>
        </a:xfrm>
        <a:prstGeom prst="rect">
          <a:avLst/>
        </a:prstGeom>
        <a:noFill/>
        <a:ln w="9525">
          <a:noFill/>
          <a:miter lim="800000"/>
          <a:headEnd/>
          <a:tailEnd/>
        </a:ln>
      </xdr:spPr>
    </xdr:pic>
    <xdr:clientData/>
  </xdr:twoCellAnchor>
  <xdr:twoCellAnchor>
    <xdr:from>
      <xdr:col>2</xdr:col>
      <xdr:colOff>416478</xdr:colOff>
      <xdr:row>27</xdr:row>
      <xdr:rowOff>35278</xdr:rowOff>
    </xdr:from>
    <xdr:to>
      <xdr:col>2</xdr:col>
      <xdr:colOff>838572</xdr:colOff>
      <xdr:row>27</xdr:row>
      <xdr:rowOff>601964</xdr:rowOff>
    </xdr:to>
    <xdr:pic>
      <xdr:nvPicPr>
        <xdr:cNvPr id="10" name="Picture 2" descr="C:\Users\z01953\Documents\KeyShot 5\Renderings\untitled.70.png">
          <a:extLst>
            <a:ext uri="{FF2B5EF4-FFF2-40B4-BE49-F238E27FC236}">
              <a16:creationId xmlns:a16="http://schemas.microsoft.com/office/drawing/2014/main" id="{3EBDF58C-9D2B-4198-AE5E-ACAA9C217709}"/>
            </a:ext>
          </a:extLst>
        </xdr:cNvPr>
        <xdr:cNvPicPr>
          <a:picLocks noChangeAspect="1" noChangeArrowheads="1"/>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a:xfrm>
          <a:off x="2238928" y="12963878"/>
          <a:ext cx="422094" cy="439686"/>
        </a:xfrm>
        <a:prstGeom prst="rect">
          <a:avLst/>
        </a:prstGeom>
        <a:noFill/>
      </xdr:spPr>
    </xdr:pic>
    <xdr:clientData/>
  </xdr:twoCellAnchor>
  <xdr:twoCellAnchor editAs="oneCell">
    <xdr:from>
      <xdr:col>2</xdr:col>
      <xdr:colOff>226526</xdr:colOff>
      <xdr:row>28</xdr:row>
      <xdr:rowOff>134058</xdr:rowOff>
    </xdr:from>
    <xdr:to>
      <xdr:col>2</xdr:col>
      <xdr:colOff>1105619</xdr:colOff>
      <xdr:row>28</xdr:row>
      <xdr:rowOff>366890</xdr:rowOff>
    </xdr:to>
    <xdr:pic>
      <xdr:nvPicPr>
        <xdr:cNvPr id="11" name="Picture 14">
          <a:extLst>
            <a:ext uri="{FF2B5EF4-FFF2-40B4-BE49-F238E27FC236}">
              <a16:creationId xmlns:a16="http://schemas.microsoft.com/office/drawing/2014/main" id="{EEBD3BC8-8234-4952-9D44-EC32B8378DF2}"/>
            </a:ext>
          </a:extLst>
        </xdr:cNvPr>
        <xdr:cNvPicPr>
          <a:picLocks noChangeAspect="1" noChangeArrowheads="1"/>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rot="5400000">
          <a:off x="2372107" y="13215777"/>
          <a:ext cx="232832" cy="879093"/>
        </a:xfrm>
        <a:prstGeom prst="rect">
          <a:avLst/>
        </a:prstGeom>
        <a:noFill/>
      </xdr:spPr>
    </xdr:pic>
    <xdr:clientData/>
  </xdr:twoCellAnchor>
  <xdr:twoCellAnchor editAs="oneCell">
    <xdr:from>
      <xdr:col>2</xdr:col>
      <xdr:colOff>259191</xdr:colOff>
      <xdr:row>29</xdr:row>
      <xdr:rowOff>185308</xdr:rowOff>
    </xdr:from>
    <xdr:to>
      <xdr:col>2</xdr:col>
      <xdr:colOff>1177882</xdr:colOff>
      <xdr:row>29</xdr:row>
      <xdr:rowOff>416277</xdr:rowOff>
    </xdr:to>
    <xdr:pic>
      <xdr:nvPicPr>
        <xdr:cNvPr id="12" name="Picture 20">
          <a:extLst>
            <a:ext uri="{FF2B5EF4-FFF2-40B4-BE49-F238E27FC236}">
              <a16:creationId xmlns:a16="http://schemas.microsoft.com/office/drawing/2014/main" id="{A2EA4EC7-6A6B-42E3-87C3-2850F96B00D0}"/>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rot="5400000">
          <a:off x="2425502" y="13722547"/>
          <a:ext cx="230969" cy="918691"/>
        </a:xfrm>
        <a:prstGeom prst="rect">
          <a:avLst/>
        </a:prstGeom>
        <a:noFill/>
      </xdr:spPr>
    </xdr:pic>
    <xdr:clientData/>
  </xdr:twoCellAnchor>
  <xdr:twoCellAnchor editAs="oneCell">
    <xdr:from>
      <xdr:col>2</xdr:col>
      <xdr:colOff>162278</xdr:colOff>
      <xdr:row>30</xdr:row>
      <xdr:rowOff>49389</xdr:rowOff>
    </xdr:from>
    <xdr:to>
      <xdr:col>2</xdr:col>
      <xdr:colOff>1235579</xdr:colOff>
      <xdr:row>30</xdr:row>
      <xdr:rowOff>407285</xdr:rowOff>
    </xdr:to>
    <xdr:pic>
      <xdr:nvPicPr>
        <xdr:cNvPr id="13" name="图片 96" descr="323系列半球电器盒.png">
          <a:extLst>
            <a:ext uri="{FF2B5EF4-FFF2-40B4-BE49-F238E27FC236}">
              <a16:creationId xmlns:a16="http://schemas.microsoft.com/office/drawing/2014/main" id="{1550C852-ED0B-45AA-B4BA-ED3CF53D959E}"/>
            </a:ext>
          </a:extLst>
        </xdr:cNvPr>
        <xdr:cNvPicPr>
          <a:picLocks noChangeAspect="1"/>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1984728" y="14406739"/>
          <a:ext cx="1073301" cy="357896"/>
        </a:xfrm>
        <a:prstGeom prst="rect">
          <a:avLst/>
        </a:prstGeom>
      </xdr:spPr>
    </xdr:pic>
    <xdr:clientData/>
  </xdr:twoCellAnchor>
  <xdr:twoCellAnchor>
    <xdr:from>
      <xdr:col>2</xdr:col>
      <xdr:colOff>395111</xdr:colOff>
      <xdr:row>31</xdr:row>
      <xdr:rowOff>35278</xdr:rowOff>
    </xdr:from>
    <xdr:to>
      <xdr:col>2</xdr:col>
      <xdr:colOff>971175</xdr:colOff>
      <xdr:row>31</xdr:row>
      <xdr:rowOff>539334</xdr:rowOff>
    </xdr:to>
    <xdr:pic>
      <xdr:nvPicPr>
        <xdr:cNvPr id="14" name="图片 26">
          <a:extLst>
            <a:ext uri="{FF2B5EF4-FFF2-40B4-BE49-F238E27FC236}">
              <a16:creationId xmlns:a16="http://schemas.microsoft.com/office/drawing/2014/main" id="{088CDFC5-B239-4670-AD1A-C5C33523FA4F}"/>
            </a:ext>
          </a:extLst>
        </xdr:cNvPr>
        <xdr:cNvPicPr/>
      </xdr:nvPicPr>
      <xdr:blipFill>
        <a:blip xmlns:r="http://schemas.openxmlformats.org/officeDocument/2006/relationships" r:embed="rId13" cstate="email">
          <a:extLst>
            <a:ext uri="{28A0092B-C50C-407E-A947-70E740481C1C}">
              <a14:useLocalDpi xmlns:a14="http://schemas.microsoft.com/office/drawing/2010/main"/>
            </a:ext>
          </a:extLst>
        </a:blip>
        <a:srcRect/>
        <a:stretch>
          <a:fillRect/>
        </a:stretch>
      </xdr:blipFill>
      <xdr:spPr>
        <a:xfrm>
          <a:off x="2217561" y="14868878"/>
          <a:ext cx="576064" cy="440556"/>
        </a:xfrm>
        <a:prstGeom prst="rect">
          <a:avLst/>
        </a:prstGeom>
        <a:noFill/>
        <a:ln w="9525">
          <a:noFill/>
          <a:miter lim="800000"/>
          <a:headEnd/>
          <a:tailEnd/>
        </a:ln>
      </xdr:spPr>
    </xdr:pic>
    <xdr:clientData/>
  </xdr:twoCellAnchor>
  <xdr:oneCellAnchor>
    <xdr:from>
      <xdr:col>2</xdr:col>
      <xdr:colOff>392938</xdr:colOff>
      <xdr:row>32</xdr:row>
      <xdr:rowOff>70556</xdr:rowOff>
    </xdr:from>
    <xdr:ext cx="325101" cy="368039"/>
    <xdr:pic>
      <xdr:nvPicPr>
        <xdr:cNvPr id="15" name="Picture 1">
          <a:extLst>
            <a:ext uri="{FF2B5EF4-FFF2-40B4-BE49-F238E27FC236}">
              <a16:creationId xmlns:a16="http://schemas.microsoft.com/office/drawing/2014/main" id="{8B29D689-8049-41EB-BDFF-B21C5D7D3354}"/>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a:ext>
          </a:extLst>
        </a:blip>
        <a:srcRect/>
        <a:stretch>
          <a:fillRect/>
        </a:stretch>
      </xdr:blipFill>
      <xdr:spPr>
        <a:xfrm>
          <a:off x="2215388" y="15380406"/>
          <a:ext cx="325101" cy="368039"/>
        </a:xfrm>
        <a:prstGeom prst="rect">
          <a:avLst/>
        </a:prstGeom>
        <a:noFill/>
        <a:ln w="9525">
          <a:noFill/>
          <a:miter lim="800000"/>
          <a:headEnd/>
          <a:tailEnd/>
        </a:ln>
      </xdr:spPr>
    </xdr:pic>
    <xdr:clientData/>
  </xdr:oneCellAnchor>
  <xdr:oneCellAnchor>
    <xdr:from>
      <xdr:col>2</xdr:col>
      <xdr:colOff>437444</xdr:colOff>
      <xdr:row>33</xdr:row>
      <xdr:rowOff>12380</xdr:rowOff>
    </xdr:from>
    <xdr:ext cx="360132" cy="407697"/>
    <xdr:pic>
      <xdr:nvPicPr>
        <xdr:cNvPr id="16" name="Picture 1">
          <a:extLst>
            <a:ext uri="{FF2B5EF4-FFF2-40B4-BE49-F238E27FC236}">
              <a16:creationId xmlns:a16="http://schemas.microsoft.com/office/drawing/2014/main" id="{86DFF54F-20F9-4635-8A10-006128912A3E}"/>
            </a:ext>
          </a:extLst>
        </xdr:cNvPr>
        <xdr:cNvPicPr>
          <a:picLocks noChangeAspect="1" noChangeArrowheads="1"/>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a:xfrm>
          <a:off x="2259894" y="15798480"/>
          <a:ext cx="360132" cy="407697"/>
        </a:xfrm>
        <a:prstGeom prst="rect">
          <a:avLst/>
        </a:prstGeom>
        <a:noFill/>
        <a:ln w="9525">
          <a:noFill/>
          <a:miter lim="800000"/>
          <a:headEnd/>
          <a:tailEnd/>
        </a:ln>
      </xdr:spPr>
    </xdr:pic>
    <xdr:clientData/>
  </xdr:oneCellAnchor>
  <xdr:oneCellAnchor>
    <xdr:from>
      <xdr:col>2</xdr:col>
      <xdr:colOff>296333</xdr:colOff>
      <xdr:row>41</xdr:row>
      <xdr:rowOff>27156</xdr:rowOff>
    </xdr:from>
    <xdr:ext cx="433462" cy="392922"/>
    <xdr:pic>
      <xdr:nvPicPr>
        <xdr:cNvPr id="17" name="Picture 3">
          <a:extLst>
            <a:ext uri="{FF2B5EF4-FFF2-40B4-BE49-F238E27FC236}">
              <a16:creationId xmlns:a16="http://schemas.microsoft.com/office/drawing/2014/main" id="{782073CC-B516-4393-BEB2-2AA0B4EAA86A}"/>
            </a:ext>
          </a:extLst>
        </xdr:cNvPr>
        <xdr:cNvPicPr>
          <a:picLocks noChangeAspect="1" noChangeArrowheads="1"/>
        </xdr:cNvPicPr>
      </xdr:nvPicPr>
      <xdr:blipFill>
        <a:blip xmlns:r="http://schemas.openxmlformats.org/officeDocument/2006/relationships" r:embed="rId16" cstate="screen">
          <a:extLst>
            <a:ext uri="{28A0092B-C50C-407E-A947-70E740481C1C}">
              <a14:useLocalDpi xmlns:a14="http://schemas.microsoft.com/office/drawing/2010/main"/>
            </a:ext>
          </a:extLst>
        </a:blip>
        <a:srcRect/>
        <a:stretch>
          <a:fillRect/>
        </a:stretch>
      </xdr:blipFill>
      <xdr:spPr>
        <a:xfrm>
          <a:off x="2118783" y="21052006"/>
          <a:ext cx="433462" cy="392922"/>
        </a:xfrm>
        <a:prstGeom prst="rect">
          <a:avLst/>
        </a:prstGeom>
        <a:noFill/>
        <a:ln w="9525">
          <a:noFill/>
          <a:miter lim="800000"/>
          <a:headEnd/>
          <a:tailEnd/>
        </a:ln>
      </xdr:spPr>
    </xdr:pic>
    <xdr:clientData/>
  </xdr:oneCellAnchor>
  <xdr:oneCellAnchor>
    <xdr:from>
      <xdr:col>2</xdr:col>
      <xdr:colOff>294409</xdr:colOff>
      <xdr:row>42</xdr:row>
      <xdr:rowOff>35278</xdr:rowOff>
    </xdr:from>
    <xdr:ext cx="584822" cy="399686"/>
    <xdr:pic>
      <xdr:nvPicPr>
        <xdr:cNvPr id="18" name="Picture 3" descr="C:\Users\z01953\Desktop\2.png">
          <a:extLst>
            <a:ext uri="{FF2B5EF4-FFF2-40B4-BE49-F238E27FC236}">
              <a16:creationId xmlns:a16="http://schemas.microsoft.com/office/drawing/2014/main" id="{86BA0530-76AD-4166-86AE-870FF1BBC825}"/>
            </a:ext>
          </a:extLst>
        </xdr:cNvPr>
        <xdr:cNvPicPr>
          <a:picLocks noChangeAspect="1" noChangeArrowheads="1"/>
        </xdr:cNvPicPr>
      </xdr:nvPicPr>
      <xdr:blipFill>
        <a:blip xmlns:r="http://schemas.openxmlformats.org/officeDocument/2006/relationships" r:embed="rId17" cstate="email">
          <a:extLst>
            <a:ext uri="{28A0092B-C50C-407E-A947-70E740481C1C}">
              <a14:useLocalDpi xmlns:a14="http://schemas.microsoft.com/office/drawing/2010/main"/>
            </a:ext>
          </a:extLst>
        </a:blip>
        <a:srcRect/>
        <a:stretch>
          <a:fillRect/>
        </a:stretch>
      </xdr:blipFill>
      <xdr:spPr>
        <a:xfrm>
          <a:off x="2116859" y="21536378"/>
          <a:ext cx="584822" cy="399686"/>
        </a:xfrm>
        <a:prstGeom prst="rect">
          <a:avLst/>
        </a:prstGeom>
        <a:noFill/>
      </xdr:spPr>
    </xdr:pic>
    <xdr:clientData/>
  </xdr:oneCellAnchor>
  <xdr:oneCellAnchor>
    <xdr:from>
      <xdr:col>2</xdr:col>
      <xdr:colOff>519409</xdr:colOff>
      <xdr:row>43</xdr:row>
      <xdr:rowOff>35278</xdr:rowOff>
    </xdr:from>
    <xdr:ext cx="332975" cy="409222"/>
    <xdr:pic>
      <xdr:nvPicPr>
        <xdr:cNvPr id="19" name="Picture 3">
          <a:extLst>
            <a:ext uri="{FF2B5EF4-FFF2-40B4-BE49-F238E27FC236}">
              <a16:creationId xmlns:a16="http://schemas.microsoft.com/office/drawing/2014/main" id="{3F8F6CA4-6312-4F50-9041-6B59D80216BC}"/>
            </a:ext>
          </a:extLst>
        </xdr:cNvPr>
        <xdr:cNvPicPr>
          <a:picLocks noChangeAspect="1" noChangeArrowheads="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2341859" y="22012628"/>
          <a:ext cx="332975" cy="409222"/>
        </a:xfrm>
        <a:prstGeom prst="rect">
          <a:avLst/>
        </a:prstGeom>
        <a:noFill/>
      </xdr:spPr>
    </xdr:pic>
    <xdr:clientData/>
  </xdr:oneCellAnchor>
  <xdr:twoCellAnchor editAs="oneCell">
    <xdr:from>
      <xdr:col>2</xdr:col>
      <xdr:colOff>352778</xdr:colOff>
      <xdr:row>34</xdr:row>
      <xdr:rowOff>21167</xdr:rowOff>
    </xdr:from>
    <xdr:to>
      <xdr:col>2</xdr:col>
      <xdr:colOff>976923</xdr:colOff>
      <xdr:row>34</xdr:row>
      <xdr:rowOff>426210</xdr:rowOff>
    </xdr:to>
    <xdr:pic>
      <xdr:nvPicPr>
        <xdr:cNvPr id="20" name="Picture 2">
          <a:extLst>
            <a:ext uri="{FF2B5EF4-FFF2-40B4-BE49-F238E27FC236}">
              <a16:creationId xmlns:a16="http://schemas.microsoft.com/office/drawing/2014/main" id="{ED7C4C1C-EE6F-4BD1-9207-CA7B9723C611}"/>
            </a:ext>
          </a:extLst>
        </xdr:cNvPr>
        <xdr:cNvPicPr>
          <a:picLocks noChangeAspect="1" noChangeArrowheads="1"/>
        </xdr:cNvPicPr>
      </xdr:nvPicPr>
      <xdr:blipFill>
        <a:blip xmlns:r="http://schemas.openxmlformats.org/officeDocument/2006/relationships" r:embed="rId19" cstate="email">
          <a:extLst>
            <a:ext uri="{28A0092B-C50C-407E-A947-70E740481C1C}">
              <a14:useLocalDpi xmlns:a14="http://schemas.microsoft.com/office/drawing/2010/main"/>
            </a:ext>
          </a:extLst>
        </a:blip>
        <a:srcRect/>
        <a:stretch>
          <a:fillRect/>
        </a:stretch>
      </xdr:blipFill>
      <xdr:spPr>
        <a:xfrm>
          <a:off x="2175228" y="16283517"/>
          <a:ext cx="624145" cy="405043"/>
        </a:xfrm>
        <a:prstGeom prst="rect">
          <a:avLst/>
        </a:prstGeom>
        <a:noFill/>
      </xdr:spPr>
    </xdr:pic>
    <xdr:clientData/>
  </xdr:twoCellAnchor>
  <xdr:twoCellAnchor editAs="oneCell">
    <xdr:from>
      <xdr:col>2</xdr:col>
      <xdr:colOff>543276</xdr:colOff>
      <xdr:row>35</xdr:row>
      <xdr:rowOff>87502</xdr:rowOff>
    </xdr:from>
    <xdr:to>
      <xdr:col>2</xdr:col>
      <xdr:colOff>747347</xdr:colOff>
      <xdr:row>35</xdr:row>
      <xdr:rowOff>429846</xdr:rowOff>
    </xdr:to>
    <xdr:pic>
      <xdr:nvPicPr>
        <xdr:cNvPr id="22" name="图片 82">
          <a:extLst>
            <a:ext uri="{FF2B5EF4-FFF2-40B4-BE49-F238E27FC236}">
              <a16:creationId xmlns:a16="http://schemas.microsoft.com/office/drawing/2014/main" id="{7E6584CB-1FAF-4EFB-8687-EDABE441F327}"/>
            </a:ext>
          </a:extLst>
        </xdr:cNvPr>
        <xdr:cNvPicPr>
          <a:picLocks noChangeAspect="1"/>
        </xdr:cNvPicPr>
      </xdr:nvPicPr>
      <xdr:blipFill>
        <a:blip xmlns:r="http://schemas.openxmlformats.org/officeDocument/2006/relationships" r:embed="rId20" cstate="email">
          <a:extLst>
            <a:ext uri="{28A0092B-C50C-407E-A947-70E740481C1C}">
              <a14:useLocalDpi xmlns:a14="http://schemas.microsoft.com/office/drawing/2010/main"/>
            </a:ext>
          </a:extLst>
        </a:blip>
        <a:srcRect/>
        <a:stretch>
          <a:fillRect/>
        </a:stretch>
      </xdr:blipFill>
      <xdr:spPr>
        <a:xfrm>
          <a:off x="2365726" y="17302352"/>
          <a:ext cx="204071" cy="342344"/>
        </a:xfrm>
        <a:prstGeom prst="rect">
          <a:avLst/>
        </a:prstGeom>
        <a:noFill/>
        <a:ln w="9525">
          <a:noFill/>
          <a:miter lim="800000"/>
          <a:headEnd/>
          <a:tailEnd/>
        </a:ln>
      </xdr:spPr>
    </xdr:pic>
    <xdr:clientData/>
  </xdr:twoCellAnchor>
  <xdr:oneCellAnchor>
    <xdr:from>
      <xdr:col>2</xdr:col>
      <xdr:colOff>451555</xdr:colOff>
      <xdr:row>36</xdr:row>
      <xdr:rowOff>42333</xdr:rowOff>
    </xdr:from>
    <xdr:ext cx="227407" cy="504743"/>
    <xdr:pic>
      <xdr:nvPicPr>
        <xdr:cNvPr id="23" name="图片 28">
          <a:extLst>
            <a:ext uri="{FF2B5EF4-FFF2-40B4-BE49-F238E27FC236}">
              <a16:creationId xmlns:a16="http://schemas.microsoft.com/office/drawing/2014/main" id="{42F1DB10-B02B-4338-935E-FBDBF5009DAB}"/>
            </a:ext>
          </a:extLst>
        </xdr:cNvPr>
        <xdr:cNvPicPr/>
      </xdr:nvPicPr>
      <xdr:blipFill>
        <a:blip xmlns:r="http://schemas.openxmlformats.org/officeDocument/2006/relationships" r:embed="rId21" cstate="email">
          <a:extLst>
            <a:ext uri="{28A0092B-C50C-407E-A947-70E740481C1C}">
              <a14:useLocalDpi xmlns:a14="http://schemas.microsoft.com/office/drawing/2010/main"/>
            </a:ext>
          </a:extLst>
        </a:blip>
        <a:srcRect/>
        <a:stretch>
          <a:fillRect/>
        </a:stretch>
      </xdr:blipFill>
      <xdr:spPr>
        <a:xfrm>
          <a:off x="2274005" y="17733433"/>
          <a:ext cx="227407" cy="504743"/>
        </a:xfrm>
        <a:prstGeom prst="rect">
          <a:avLst/>
        </a:prstGeom>
        <a:noFill/>
        <a:ln w="9525">
          <a:noFill/>
          <a:miter lim="800000"/>
          <a:headEnd/>
          <a:tailEnd/>
        </a:ln>
      </xdr:spPr>
    </xdr:pic>
    <xdr:clientData/>
  </xdr:oneCellAnchor>
  <xdr:oneCellAnchor>
    <xdr:from>
      <xdr:col>2</xdr:col>
      <xdr:colOff>508000</xdr:colOff>
      <xdr:row>39</xdr:row>
      <xdr:rowOff>58615</xdr:rowOff>
    </xdr:from>
    <xdr:ext cx="278837" cy="381971"/>
    <xdr:pic>
      <xdr:nvPicPr>
        <xdr:cNvPr id="24" name="图片 50">
          <a:extLst>
            <a:ext uri="{FF2B5EF4-FFF2-40B4-BE49-F238E27FC236}">
              <a16:creationId xmlns:a16="http://schemas.microsoft.com/office/drawing/2014/main" id="{7D53521B-1A1E-4C32-9D9C-7FD648011EAA}"/>
            </a:ext>
          </a:extLst>
        </xdr:cNvPr>
        <xdr:cNvPicPr/>
      </xdr:nvPicPr>
      <xdr:blipFill>
        <a:blip xmlns:r="http://schemas.openxmlformats.org/officeDocument/2006/relationships" r:embed="rId22" cstate="screen">
          <a:extLst>
            <a:ext uri="{28A0092B-C50C-407E-A947-70E740481C1C}">
              <a14:useLocalDpi xmlns:a14="http://schemas.microsoft.com/office/drawing/2010/main"/>
            </a:ext>
          </a:extLst>
        </a:blip>
        <a:srcRect/>
        <a:stretch>
          <a:fillRect/>
        </a:stretch>
      </xdr:blipFill>
      <xdr:spPr>
        <a:xfrm>
          <a:off x="2330450" y="20130965"/>
          <a:ext cx="278837" cy="381971"/>
        </a:xfrm>
        <a:prstGeom prst="rect">
          <a:avLst/>
        </a:prstGeom>
        <a:noFill/>
        <a:ln w="9525">
          <a:noFill/>
          <a:miter lim="800000"/>
          <a:headEnd/>
          <a:tailEnd/>
        </a:ln>
      </xdr:spPr>
    </xdr:pic>
    <xdr:clientData/>
  </xdr:oneCellAnchor>
  <xdr:twoCellAnchor editAs="oneCell">
    <xdr:from>
      <xdr:col>2</xdr:col>
      <xdr:colOff>275167</xdr:colOff>
      <xdr:row>37</xdr:row>
      <xdr:rowOff>28222</xdr:rowOff>
    </xdr:from>
    <xdr:to>
      <xdr:col>2</xdr:col>
      <xdr:colOff>805962</xdr:colOff>
      <xdr:row>37</xdr:row>
      <xdr:rowOff>415193</xdr:rowOff>
    </xdr:to>
    <xdr:pic>
      <xdr:nvPicPr>
        <xdr:cNvPr id="26" name="图片 39">
          <a:extLst>
            <a:ext uri="{FF2B5EF4-FFF2-40B4-BE49-F238E27FC236}">
              <a16:creationId xmlns:a16="http://schemas.microsoft.com/office/drawing/2014/main" id="{6365232F-0549-459B-BFCB-6A1F019D9D7E}"/>
            </a:ext>
          </a:extLst>
        </xdr:cNvPr>
        <xdr:cNvPicPr/>
      </xdr:nvPicPr>
      <xdr:blipFill>
        <a:blip xmlns:r="http://schemas.openxmlformats.org/officeDocument/2006/relationships" r:embed="rId23" cstate="email">
          <a:extLst>
            <a:ext uri="{28A0092B-C50C-407E-A947-70E740481C1C}">
              <a14:useLocalDpi xmlns:a14="http://schemas.microsoft.com/office/drawing/2010/main"/>
            </a:ext>
          </a:extLst>
        </a:blip>
        <a:srcRect/>
        <a:stretch>
          <a:fillRect/>
        </a:stretch>
      </xdr:blipFill>
      <xdr:spPr>
        <a:xfrm>
          <a:off x="2097617" y="19148072"/>
          <a:ext cx="530795" cy="386971"/>
        </a:xfrm>
        <a:prstGeom prst="rect">
          <a:avLst/>
        </a:prstGeom>
        <a:noFill/>
        <a:ln w="9525">
          <a:noFill/>
          <a:miter lim="800000"/>
          <a:headEnd/>
          <a:tailEnd/>
        </a:ln>
      </xdr:spPr>
    </xdr:pic>
    <xdr:clientData/>
  </xdr:twoCellAnchor>
  <xdr:twoCellAnchor editAs="oneCell">
    <xdr:from>
      <xdr:col>2</xdr:col>
      <xdr:colOff>498773</xdr:colOff>
      <xdr:row>38</xdr:row>
      <xdr:rowOff>68929</xdr:rowOff>
    </xdr:from>
    <xdr:to>
      <xdr:col>2</xdr:col>
      <xdr:colOff>708270</xdr:colOff>
      <xdr:row>38</xdr:row>
      <xdr:rowOff>449385</xdr:rowOff>
    </xdr:to>
    <xdr:pic>
      <xdr:nvPicPr>
        <xdr:cNvPr id="27" name="图片 109">
          <a:extLst>
            <a:ext uri="{FF2B5EF4-FFF2-40B4-BE49-F238E27FC236}">
              <a16:creationId xmlns:a16="http://schemas.microsoft.com/office/drawing/2014/main" id="{4F6DFBB0-FEB4-47BC-8F67-00E50B245B47}"/>
            </a:ext>
          </a:extLst>
        </xdr:cNvPr>
        <xdr:cNvPicPr/>
      </xdr:nvPicPr>
      <xdr:blipFill>
        <a:blip xmlns:r="http://schemas.openxmlformats.org/officeDocument/2006/relationships" r:embed="rId24" cstate="email">
          <a:extLst>
            <a:ext uri="{28A0092B-C50C-407E-A947-70E740481C1C}">
              <a14:useLocalDpi xmlns:a14="http://schemas.microsoft.com/office/drawing/2010/main"/>
            </a:ext>
          </a:extLst>
        </a:blip>
        <a:srcRect/>
        <a:stretch>
          <a:fillRect/>
        </a:stretch>
      </xdr:blipFill>
      <xdr:spPr>
        <a:xfrm>
          <a:off x="2321223" y="19665029"/>
          <a:ext cx="209497" cy="380456"/>
        </a:xfrm>
        <a:prstGeom prst="rect">
          <a:avLst/>
        </a:prstGeom>
        <a:noFill/>
        <a:ln w="9525">
          <a:noFill/>
          <a:miter lim="800000"/>
          <a:headEnd/>
          <a:tailEnd/>
        </a:ln>
      </xdr:spPr>
    </xdr:pic>
    <xdr:clientData/>
  </xdr:twoCellAnchor>
  <xdr:twoCellAnchor editAs="oneCell">
    <xdr:from>
      <xdr:col>2</xdr:col>
      <xdr:colOff>516140</xdr:colOff>
      <xdr:row>39</xdr:row>
      <xdr:rowOff>471094</xdr:rowOff>
    </xdr:from>
    <xdr:to>
      <xdr:col>2</xdr:col>
      <xdr:colOff>908539</xdr:colOff>
      <xdr:row>40</xdr:row>
      <xdr:rowOff>439615</xdr:rowOff>
    </xdr:to>
    <xdr:pic>
      <xdr:nvPicPr>
        <xdr:cNvPr id="28" name="图片 15">
          <a:extLst>
            <a:ext uri="{FF2B5EF4-FFF2-40B4-BE49-F238E27FC236}">
              <a16:creationId xmlns:a16="http://schemas.microsoft.com/office/drawing/2014/main" id="{DA3D0F96-27A6-4061-B7E3-89ABAA1B0A46}"/>
            </a:ext>
          </a:extLst>
        </xdr:cNvPr>
        <xdr:cNvPicPr/>
      </xdr:nvPicPr>
      <xdr:blipFill>
        <a:blip xmlns:r="http://schemas.openxmlformats.org/officeDocument/2006/relationships" r:embed="rId25" cstate="email">
          <a:extLst>
            <a:ext uri="{28A0092B-C50C-407E-A947-70E740481C1C}">
              <a14:useLocalDpi xmlns:a14="http://schemas.microsoft.com/office/drawing/2010/main"/>
            </a:ext>
          </a:extLst>
        </a:blip>
        <a:srcRect/>
        <a:stretch>
          <a:fillRect/>
        </a:stretch>
      </xdr:blipFill>
      <xdr:spPr>
        <a:xfrm>
          <a:off x="2338590" y="20543444"/>
          <a:ext cx="392399" cy="444771"/>
        </a:xfrm>
        <a:prstGeom prst="rect">
          <a:avLst/>
        </a:prstGeom>
        <a:noFill/>
        <a:ln w="9525">
          <a:noFill/>
          <a:miter lim="800000"/>
          <a:headEnd/>
          <a:tailEnd/>
        </a:ln>
      </xdr:spPr>
    </xdr:pic>
    <xdr:clientData/>
  </xdr:twoCellAnchor>
  <xdr:twoCellAnchor editAs="oneCell">
    <xdr:from>
      <xdr:col>2</xdr:col>
      <xdr:colOff>258884</xdr:colOff>
      <xdr:row>44</xdr:row>
      <xdr:rowOff>61328</xdr:rowOff>
    </xdr:from>
    <xdr:to>
      <xdr:col>2</xdr:col>
      <xdr:colOff>923193</xdr:colOff>
      <xdr:row>44</xdr:row>
      <xdr:rowOff>465646</xdr:rowOff>
    </xdr:to>
    <xdr:pic>
      <xdr:nvPicPr>
        <xdr:cNvPr id="29" name="图片 93" descr="C:\Users\y00481\Desktop\图片文档\TR-WM04-IN 4寸半球壁装支架.png">
          <a:extLst>
            <a:ext uri="{FF2B5EF4-FFF2-40B4-BE49-F238E27FC236}">
              <a16:creationId xmlns:a16="http://schemas.microsoft.com/office/drawing/2014/main" id="{BF7AB62B-57FB-43D5-A468-5FF471C8A45E}"/>
            </a:ext>
          </a:extLst>
        </xdr:cNvPr>
        <xdr:cNvPicPr>
          <a:picLocks noChangeAspect="1"/>
        </xdr:cNvPicPr>
      </xdr:nvPicPr>
      <xdr:blipFill>
        <a:blip xmlns:r="http://schemas.openxmlformats.org/officeDocument/2006/relationships" r:embed="rId26" cstate="email">
          <a:extLst>
            <a:ext uri="{28A0092B-C50C-407E-A947-70E740481C1C}">
              <a14:useLocalDpi xmlns:a14="http://schemas.microsoft.com/office/drawing/2010/main"/>
            </a:ext>
          </a:extLst>
        </a:blip>
        <a:srcRect/>
        <a:stretch>
          <a:fillRect/>
        </a:stretch>
      </xdr:blipFill>
      <xdr:spPr>
        <a:xfrm>
          <a:off x="2081334" y="22514928"/>
          <a:ext cx="664309" cy="404318"/>
        </a:xfrm>
        <a:prstGeom prst="rect">
          <a:avLst/>
        </a:prstGeom>
        <a:noFill/>
        <a:ln w="9525">
          <a:noFill/>
          <a:miter lim="800000"/>
          <a:headEnd/>
          <a:tailEnd/>
        </a:ln>
      </xdr:spPr>
    </xdr:pic>
    <xdr:clientData/>
  </xdr:twoCellAnchor>
  <xdr:twoCellAnchor editAs="oneCell">
    <xdr:from>
      <xdr:col>2</xdr:col>
      <xdr:colOff>372316</xdr:colOff>
      <xdr:row>45</xdr:row>
      <xdr:rowOff>56988</xdr:rowOff>
    </xdr:from>
    <xdr:to>
      <xdr:col>2</xdr:col>
      <xdr:colOff>1020885</xdr:colOff>
      <xdr:row>45</xdr:row>
      <xdr:rowOff>341009</xdr:rowOff>
    </xdr:to>
    <xdr:pic>
      <xdr:nvPicPr>
        <xdr:cNvPr id="30" name="图片 88">
          <a:extLst>
            <a:ext uri="{FF2B5EF4-FFF2-40B4-BE49-F238E27FC236}">
              <a16:creationId xmlns:a16="http://schemas.microsoft.com/office/drawing/2014/main" id="{52B5E21C-FC9C-45D2-8E09-16808BD1F87D}"/>
            </a:ext>
          </a:extLst>
        </xdr:cNvPr>
        <xdr:cNvPicPr>
          <a:picLocks noChangeAspect="1"/>
        </xdr:cNvPicPr>
      </xdr:nvPicPr>
      <xdr:blipFill>
        <a:blip xmlns:r="http://schemas.openxmlformats.org/officeDocument/2006/relationships" r:embed="rId27" cstate="email">
          <a:extLst>
            <a:ext uri="{28A0092B-C50C-407E-A947-70E740481C1C}">
              <a14:useLocalDpi xmlns:a14="http://schemas.microsoft.com/office/drawing/2010/main"/>
            </a:ext>
          </a:extLst>
        </a:blip>
        <a:srcRect/>
        <a:stretch>
          <a:fillRect/>
        </a:stretch>
      </xdr:blipFill>
      <xdr:spPr>
        <a:xfrm>
          <a:off x="2194766" y="22986838"/>
          <a:ext cx="648569" cy="284021"/>
        </a:xfrm>
        <a:prstGeom prst="rect">
          <a:avLst/>
        </a:prstGeom>
        <a:noFill/>
        <a:ln w="9525">
          <a:noFill/>
          <a:miter lim="800000"/>
          <a:headEnd/>
          <a:tailEnd/>
        </a:ln>
      </xdr:spPr>
    </xdr:pic>
    <xdr:clientData/>
  </xdr:twoCellAnchor>
  <xdr:oneCellAnchor>
    <xdr:from>
      <xdr:col>2</xdr:col>
      <xdr:colOff>540021</xdr:colOff>
      <xdr:row>59</xdr:row>
      <xdr:rowOff>21709</xdr:rowOff>
    </xdr:from>
    <xdr:ext cx="296195" cy="378829"/>
    <xdr:pic>
      <xdr:nvPicPr>
        <xdr:cNvPr id="31" name="图片 57" descr="134345546">
          <a:extLst>
            <a:ext uri="{FF2B5EF4-FFF2-40B4-BE49-F238E27FC236}">
              <a16:creationId xmlns:a16="http://schemas.microsoft.com/office/drawing/2014/main" id="{2C6F12D9-69E9-40CF-BACD-D4B59683AF68}"/>
            </a:ext>
          </a:extLst>
        </xdr:cNvPr>
        <xdr:cNvPicPr>
          <a:picLocks noChangeAspect="1"/>
        </xdr:cNvPicPr>
      </xdr:nvPicPr>
      <xdr:blipFill>
        <a:blip xmlns:r="http://schemas.openxmlformats.org/officeDocument/2006/relationships" r:embed="rId28" cstate="email">
          <a:extLst>
            <a:ext uri="{28A0092B-C50C-407E-A947-70E740481C1C}">
              <a14:useLocalDpi xmlns:a14="http://schemas.microsoft.com/office/drawing/2010/main"/>
            </a:ext>
          </a:extLst>
        </a:blip>
        <a:stretch>
          <a:fillRect/>
        </a:stretch>
      </xdr:blipFill>
      <xdr:spPr>
        <a:xfrm>
          <a:off x="2362471" y="30762059"/>
          <a:ext cx="296195" cy="378829"/>
        </a:xfrm>
        <a:prstGeom prst="rect">
          <a:avLst/>
        </a:prstGeom>
      </xdr:spPr>
    </xdr:pic>
    <xdr:clientData/>
  </xdr:oneCellAnchor>
  <xdr:twoCellAnchor editAs="oneCell">
    <xdr:from>
      <xdr:col>2</xdr:col>
      <xdr:colOff>261056</xdr:colOff>
      <xdr:row>15</xdr:row>
      <xdr:rowOff>63501</xdr:rowOff>
    </xdr:from>
    <xdr:to>
      <xdr:col>2</xdr:col>
      <xdr:colOff>908540</xdr:colOff>
      <xdr:row>15</xdr:row>
      <xdr:rowOff>428021</xdr:rowOff>
    </xdr:to>
    <xdr:pic>
      <xdr:nvPicPr>
        <xdr:cNvPr id="33" name="Picture 32">
          <a:extLst>
            <a:ext uri="{FF2B5EF4-FFF2-40B4-BE49-F238E27FC236}">
              <a16:creationId xmlns:a16="http://schemas.microsoft.com/office/drawing/2014/main" id="{294ACEDF-890C-4528-86E7-FD847B29060C}"/>
            </a:ext>
          </a:extLst>
        </xdr:cNvPr>
        <xdr:cNvPicPr>
          <a:picLocks noChangeAspect="1" noChangeArrowheads="1"/>
        </xdr:cNvPicPr>
      </xdr:nvPicPr>
      <xdr:blipFill>
        <a:blip xmlns:r="http://schemas.openxmlformats.org/officeDocument/2006/relationships" r:embed="rId29" cstate="email">
          <a:extLst>
            <a:ext uri="{28A0092B-C50C-407E-A947-70E740481C1C}">
              <a14:useLocalDpi xmlns:a14="http://schemas.microsoft.com/office/drawing/2010/main"/>
            </a:ext>
          </a:extLst>
        </a:blip>
        <a:srcRect/>
        <a:stretch>
          <a:fillRect/>
        </a:stretch>
      </xdr:blipFill>
      <xdr:spPr bwMode="auto">
        <a:xfrm>
          <a:off x="2083506" y="6800851"/>
          <a:ext cx="647484" cy="36452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54000</xdr:colOff>
      <xdr:row>19</xdr:row>
      <xdr:rowOff>26238</xdr:rowOff>
    </xdr:from>
    <xdr:to>
      <xdr:col>2</xdr:col>
      <xdr:colOff>928077</xdr:colOff>
      <xdr:row>19</xdr:row>
      <xdr:rowOff>423421</xdr:rowOff>
    </xdr:to>
    <xdr:pic>
      <xdr:nvPicPr>
        <xdr:cNvPr id="34" name="Picture 33">
          <a:extLst>
            <a:ext uri="{FF2B5EF4-FFF2-40B4-BE49-F238E27FC236}">
              <a16:creationId xmlns:a16="http://schemas.microsoft.com/office/drawing/2014/main" id="{B5C2A0F6-AD7D-4FAB-A6C4-6EB190FCF74A}"/>
            </a:ext>
          </a:extLst>
        </xdr:cNvPr>
        <xdr:cNvPicPr>
          <a:picLocks noChangeAspect="1" noChangeArrowheads="1"/>
        </xdr:cNvPicPr>
      </xdr:nvPicPr>
      <xdr:blipFill>
        <a:blip xmlns:r="http://schemas.openxmlformats.org/officeDocument/2006/relationships" r:embed="rId30" cstate="email">
          <a:extLst>
            <a:ext uri="{28A0092B-C50C-407E-A947-70E740481C1C}">
              <a14:useLocalDpi xmlns:a14="http://schemas.microsoft.com/office/drawing/2010/main"/>
            </a:ext>
          </a:extLst>
        </a:blip>
        <a:srcRect/>
        <a:stretch>
          <a:fillRect/>
        </a:stretch>
      </xdr:blipFill>
      <xdr:spPr bwMode="auto">
        <a:xfrm>
          <a:off x="2076450" y="8668588"/>
          <a:ext cx="674077" cy="39718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29441</xdr:colOff>
      <xdr:row>52</xdr:row>
      <xdr:rowOff>56985</xdr:rowOff>
    </xdr:from>
    <xdr:to>
      <xdr:col>2</xdr:col>
      <xdr:colOff>1013565</xdr:colOff>
      <xdr:row>52</xdr:row>
      <xdr:rowOff>434730</xdr:rowOff>
    </xdr:to>
    <xdr:pic>
      <xdr:nvPicPr>
        <xdr:cNvPr id="35" name="Picture 34">
          <a:extLst>
            <a:ext uri="{FF2B5EF4-FFF2-40B4-BE49-F238E27FC236}">
              <a16:creationId xmlns:a16="http://schemas.microsoft.com/office/drawing/2014/main" id="{7859817D-4021-43B4-9E47-F14B318BB983}"/>
            </a:ext>
          </a:extLst>
        </xdr:cNvPr>
        <xdr:cNvPicPr>
          <a:picLocks noChangeAspect="1" noChangeArrowheads="1"/>
        </xdr:cNvPicPr>
      </xdr:nvPicPr>
      <xdr:blipFill>
        <a:blip xmlns:r="http://schemas.openxmlformats.org/officeDocument/2006/relationships" r:embed="rId31" cstate="email">
          <a:extLst>
            <a:ext uri="{28A0092B-C50C-407E-A947-70E740481C1C}">
              <a14:useLocalDpi xmlns:a14="http://schemas.microsoft.com/office/drawing/2010/main"/>
            </a:ext>
          </a:extLst>
        </a:blip>
        <a:srcRect/>
        <a:stretch>
          <a:fillRect/>
        </a:stretch>
      </xdr:blipFill>
      <xdr:spPr bwMode="auto">
        <a:xfrm>
          <a:off x="2151891" y="27273085"/>
          <a:ext cx="684124" cy="3777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33925</xdr:colOff>
      <xdr:row>16</xdr:row>
      <xdr:rowOff>83038</xdr:rowOff>
    </xdr:from>
    <xdr:to>
      <xdr:col>2</xdr:col>
      <xdr:colOff>1055077</xdr:colOff>
      <xdr:row>16</xdr:row>
      <xdr:rowOff>395197</xdr:rowOff>
    </xdr:to>
    <xdr:pic>
      <xdr:nvPicPr>
        <xdr:cNvPr id="37" name="Picture 36">
          <a:extLst>
            <a:ext uri="{FF2B5EF4-FFF2-40B4-BE49-F238E27FC236}">
              <a16:creationId xmlns:a16="http://schemas.microsoft.com/office/drawing/2014/main" id="{83075A19-7AFA-48DA-92D8-E546A950B61A}"/>
            </a:ext>
          </a:extLst>
        </xdr:cNvPr>
        <xdr:cNvPicPr>
          <a:picLocks noChangeAspect="1" noChangeArrowheads="1"/>
        </xdr:cNvPicPr>
      </xdr:nvPicPr>
      <xdr:blipFill>
        <a:blip xmlns:r="http://schemas.openxmlformats.org/officeDocument/2006/relationships" r:embed="rId32" cstate="email">
          <a:extLst>
            <a:ext uri="{28A0092B-C50C-407E-A947-70E740481C1C}">
              <a14:useLocalDpi xmlns:a14="http://schemas.microsoft.com/office/drawing/2010/main"/>
            </a:ext>
          </a:extLst>
        </a:blip>
        <a:srcRect/>
        <a:stretch>
          <a:fillRect/>
        </a:stretch>
      </xdr:blipFill>
      <xdr:spPr bwMode="auto">
        <a:xfrm>
          <a:off x="2156375" y="7296638"/>
          <a:ext cx="721152" cy="3121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66888</xdr:colOff>
      <xdr:row>17</xdr:row>
      <xdr:rowOff>35277</xdr:rowOff>
    </xdr:from>
    <xdr:to>
      <xdr:col>2</xdr:col>
      <xdr:colOff>908539</xdr:colOff>
      <xdr:row>17</xdr:row>
      <xdr:rowOff>392800</xdr:rowOff>
    </xdr:to>
    <xdr:pic>
      <xdr:nvPicPr>
        <xdr:cNvPr id="38" name="Picture 37">
          <a:extLst>
            <a:ext uri="{FF2B5EF4-FFF2-40B4-BE49-F238E27FC236}">
              <a16:creationId xmlns:a16="http://schemas.microsoft.com/office/drawing/2014/main" id="{70C0A557-C876-4825-8A8D-E357FCA64D1C}"/>
            </a:ext>
          </a:extLst>
        </xdr:cNvPr>
        <xdr:cNvPicPr>
          <a:picLocks noChangeAspect="1" noChangeArrowheads="1"/>
        </xdr:cNvPicPr>
      </xdr:nvPicPr>
      <xdr:blipFill>
        <a:blip xmlns:r="http://schemas.openxmlformats.org/officeDocument/2006/relationships" r:embed="rId33" cstate="email">
          <a:extLst>
            <a:ext uri="{28A0092B-C50C-407E-A947-70E740481C1C}">
              <a14:useLocalDpi xmlns:a14="http://schemas.microsoft.com/office/drawing/2010/main"/>
            </a:ext>
          </a:extLst>
        </a:blip>
        <a:srcRect/>
        <a:stretch>
          <a:fillRect/>
        </a:stretch>
      </xdr:blipFill>
      <xdr:spPr bwMode="auto">
        <a:xfrm>
          <a:off x="2189338" y="7725127"/>
          <a:ext cx="541651" cy="3575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79234</xdr:colOff>
      <xdr:row>20</xdr:row>
      <xdr:rowOff>18996</xdr:rowOff>
    </xdr:from>
    <xdr:to>
      <xdr:col>2</xdr:col>
      <xdr:colOff>991577</xdr:colOff>
      <xdr:row>20</xdr:row>
      <xdr:rowOff>441735</xdr:rowOff>
    </xdr:to>
    <xdr:pic>
      <xdr:nvPicPr>
        <xdr:cNvPr id="40" name="Picture 39">
          <a:extLst>
            <a:ext uri="{FF2B5EF4-FFF2-40B4-BE49-F238E27FC236}">
              <a16:creationId xmlns:a16="http://schemas.microsoft.com/office/drawing/2014/main" id="{AF2AE22D-4009-41A6-AF8C-78FFD76A8004}"/>
            </a:ext>
          </a:extLst>
        </xdr:cNvPr>
        <xdr:cNvPicPr>
          <a:picLocks noChangeAspect="1" noChangeArrowheads="1"/>
        </xdr:cNvPicPr>
      </xdr:nvPicPr>
      <xdr:blipFill>
        <a:blip xmlns:r="http://schemas.openxmlformats.org/officeDocument/2006/relationships" r:embed="rId34" cstate="email">
          <a:extLst>
            <a:ext uri="{28A0092B-C50C-407E-A947-70E740481C1C}">
              <a14:useLocalDpi xmlns:a14="http://schemas.microsoft.com/office/drawing/2010/main"/>
            </a:ext>
          </a:extLst>
        </a:blip>
        <a:srcRect/>
        <a:stretch>
          <a:fillRect/>
        </a:stretch>
      </xdr:blipFill>
      <xdr:spPr bwMode="auto">
        <a:xfrm>
          <a:off x="2301684" y="9613846"/>
          <a:ext cx="512343" cy="4227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565529</xdr:colOff>
      <xdr:row>21</xdr:row>
      <xdr:rowOff>61329</xdr:rowOff>
    </xdr:from>
    <xdr:to>
      <xdr:col>2</xdr:col>
      <xdr:colOff>815731</xdr:colOff>
      <xdr:row>21</xdr:row>
      <xdr:rowOff>420093</xdr:rowOff>
    </xdr:to>
    <xdr:pic>
      <xdr:nvPicPr>
        <xdr:cNvPr id="41" name="Picture 40">
          <a:extLst>
            <a:ext uri="{FF2B5EF4-FFF2-40B4-BE49-F238E27FC236}">
              <a16:creationId xmlns:a16="http://schemas.microsoft.com/office/drawing/2014/main" id="{0EC90C22-C802-449C-83A3-21E47785C454}"/>
            </a:ext>
          </a:extLst>
        </xdr:cNvPr>
        <xdr:cNvPicPr>
          <a:picLocks noChangeAspect="1" noChangeArrowheads="1"/>
        </xdr:cNvPicPr>
      </xdr:nvPicPr>
      <xdr:blipFill>
        <a:blip xmlns:r="http://schemas.openxmlformats.org/officeDocument/2006/relationships" r:embed="rId35" cstate="email">
          <a:extLst>
            <a:ext uri="{28A0092B-C50C-407E-A947-70E740481C1C}">
              <a14:useLocalDpi xmlns:a14="http://schemas.microsoft.com/office/drawing/2010/main"/>
            </a:ext>
          </a:extLst>
        </a:blip>
        <a:srcRect/>
        <a:stretch>
          <a:fillRect/>
        </a:stretch>
      </xdr:blipFill>
      <xdr:spPr bwMode="auto">
        <a:xfrm>
          <a:off x="2387979" y="10132429"/>
          <a:ext cx="250202" cy="35876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53999</xdr:colOff>
      <xdr:row>26</xdr:row>
      <xdr:rowOff>49389</xdr:rowOff>
    </xdr:from>
    <xdr:to>
      <xdr:col>2</xdr:col>
      <xdr:colOff>796193</xdr:colOff>
      <xdr:row>26</xdr:row>
      <xdr:rowOff>402573</xdr:rowOff>
    </xdr:to>
    <xdr:pic>
      <xdr:nvPicPr>
        <xdr:cNvPr id="42" name="Picture 41">
          <a:extLst>
            <a:ext uri="{FF2B5EF4-FFF2-40B4-BE49-F238E27FC236}">
              <a16:creationId xmlns:a16="http://schemas.microsoft.com/office/drawing/2014/main" id="{B90D9B5A-316F-4343-84C0-9CFBDE450AD4}"/>
            </a:ext>
          </a:extLst>
        </xdr:cNvPr>
        <xdr:cNvPicPr>
          <a:picLocks noChangeAspect="1" noChangeArrowheads="1"/>
        </xdr:cNvPicPr>
      </xdr:nvPicPr>
      <xdr:blipFill>
        <a:blip xmlns:r="http://schemas.openxmlformats.org/officeDocument/2006/relationships" r:embed="rId36" cstate="email">
          <a:extLst>
            <a:ext uri="{28A0092B-C50C-407E-A947-70E740481C1C}">
              <a14:useLocalDpi xmlns:a14="http://schemas.microsoft.com/office/drawing/2010/main"/>
            </a:ext>
          </a:extLst>
        </a:blip>
        <a:srcRect/>
        <a:stretch>
          <a:fillRect/>
        </a:stretch>
      </xdr:blipFill>
      <xdr:spPr bwMode="auto">
        <a:xfrm>
          <a:off x="2076449" y="12501739"/>
          <a:ext cx="542194" cy="3531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53999</xdr:colOff>
      <xdr:row>49</xdr:row>
      <xdr:rowOff>42335</xdr:rowOff>
    </xdr:from>
    <xdr:to>
      <xdr:col>2</xdr:col>
      <xdr:colOff>792478</xdr:colOff>
      <xdr:row>49</xdr:row>
      <xdr:rowOff>405423</xdr:rowOff>
    </xdr:to>
    <xdr:pic>
      <xdr:nvPicPr>
        <xdr:cNvPr id="44" name="Picture 43">
          <a:extLst>
            <a:ext uri="{FF2B5EF4-FFF2-40B4-BE49-F238E27FC236}">
              <a16:creationId xmlns:a16="http://schemas.microsoft.com/office/drawing/2014/main" id="{D7EA5F4F-50E8-496F-B6C3-73012F50C07C}"/>
            </a:ext>
          </a:extLst>
        </xdr:cNvPr>
        <xdr:cNvPicPr>
          <a:picLocks noChangeAspect="1" noChangeArrowheads="1"/>
        </xdr:cNvPicPr>
      </xdr:nvPicPr>
      <xdr:blipFill>
        <a:blip xmlns:r="http://schemas.openxmlformats.org/officeDocument/2006/relationships" r:embed="rId37" cstate="email">
          <a:extLst>
            <a:ext uri="{28A0092B-C50C-407E-A947-70E740481C1C}">
              <a14:useLocalDpi xmlns:a14="http://schemas.microsoft.com/office/drawing/2010/main"/>
            </a:ext>
          </a:extLst>
        </a:blip>
        <a:srcRect/>
        <a:stretch>
          <a:fillRect/>
        </a:stretch>
      </xdr:blipFill>
      <xdr:spPr bwMode="auto">
        <a:xfrm>
          <a:off x="2076449" y="24877185"/>
          <a:ext cx="538479" cy="3630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89278</xdr:colOff>
      <xdr:row>51</xdr:row>
      <xdr:rowOff>42334</xdr:rowOff>
    </xdr:from>
    <xdr:to>
      <xdr:col>2</xdr:col>
      <xdr:colOff>894562</xdr:colOff>
      <xdr:row>51</xdr:row>
      <xdr:rowOff>420078</xdr:rowOff>
    </xdr:to>
    <xdr:pic>
      <xdr:nvPicPr>
        <xdr:cNvPr id="46" name="Picture 45">
          <a:extLst>
            <a:ext uri="{FF2B5EF4-FFF2-40B4-BE49-F238E27FC236}">
              <a16:creationId xmlns:a16="http://schemas.microsoft.com/office/drawing/2014/main" id="{4D93EE5F-7798-45E2-8AD3-7D66BD94B6A2}"/>
            </a:ext>
          </a:extLst>
        </xdr:cNvPr>
        <xdr:cNvPicPr>
          <a:picLocks noChangeAspect="1" noChangeArrowheads="1"/>
        </xdr:cNvPicPr>
      </xdr:nvPicPr>
      <xdr:blipFill>
        <a:blip xmlns:r="http://schemas.openxmlformats.org/officeDocument/2006/relationships" r:embed="rId38" cstate="email">
          <a:extLst>
            <a:ext uri="{28A0092B-C50C-407E-A947-70E740481C1C}">
              <a14:useLocalDpi xmlns:a14="http://schemas.microsoft.com/office/drawing/2010/main"/>
            </a:ext>
          </a:extLst>
        </a:blip>
        <a:srcRect/>
        <a:stretch>
          <a:fillRect/>
        </a:stretch>
      </xdr:blipFill>
      <xdr:spPr bwMode="auto">
        <a:xfrm>
          <a:off x="2111728" y="26305934"/>
          <a:ext cx="605284" cy="37774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59835</xdr:colOff>
      <xdr:row>53</xdr:row>
      <xdr:rowOff>21168</xdr:rowOff>
    </xdr:from>
    <xdr:to>
      <xdr:col>2</xdr:col>
      <xdr:colOff>919791</xdr:colOff>
      <xdr:row>53</xdr:row>
      <xdr:rowOff>449385</xdr:rowOff>
    </xdr:to>
    <xdr:pic>
      <xdr:nvPicPr>
        <xdr:cNvPr id="47" name="Picture 46">
          <a:extLst>
            <a:ext uri="{FF2B5EF4-FFF2-40B4-BE49-F238E27FC236}">
              <a16:creationId xmlns:a16="http://schemas.microsoft.com/office/drawing/2014/main" id="{397F7E33-DE36-4454-BB29-FE6DF3FF6289}"/>
            </a:ext>
          </a:extLst>
        </xdr:cNvPr>
        <xdr:cNvPicPr>
          <a:picLocks noChangeAspect="1" noChangeArrowheads="1"/>
        </xdr:cNvPicPr>
      </xdr:nvPicPr>
      <xdr:blipFill>
        <a:blip xmlns:r="http://schemas.openxmlformats.org/officeDocument/2006/relationships" r:embed="rId39" cstate="email">
          <a:extLst>
            <a:ext uri="{28A0092B-C50C-407E-A947-70E740481C1C}">
              <a14:useLocalDpi xmlns:a14="http://schemas.microsoft.com/office/drawing/2010/main"/>
            </a:ext>
          </a:extLst>
        </a:blip>
        <a:srcRect/>
        <a:stretch>
          <a:fillRect/>
        </a:stretch>
      </xdr:blipFill>
      <xdr:spPr bwMode="auto">
        <a:xfrm>
          <a:off x="2182285" y="27713518"/>
          <a:ext cx="559956" cy="42821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21161</xdr:colOff>
      <xdr:row>54</xdr:row>
      <xdr:rowOff>91723</xdr:rowOff>
    </xdr:from>
    <xdr:to>
      <xdr:col>2</xdr:col>
      <xdr:colOff>864908</xdr:colOff>
      <xdr:row>54</xdr:row>
      <xdr:rowOff>478693</xdr:rowOff>
    </xdr:to>
    <xdr:pic>
      <xdr:nvPicPr>
        <xdr:cNvPr id="48" name="Picture 47">
          <a:extLst>
            <a:ext uri="{FF2B5EF4-FFF2-40B4-BE49-F238E27FC236}">
              <a16:creationId xmlns:a16="http://schemas.microsoft.com/office/drawing/2014/main" id="{F6251F22-CAD8-4408-A775-1686851D7EC7}"/>
            </a:ext>
          </a:extLst>
        </xdr:cNvPr>
        <xdr:cNvPicPr>
          <a:picLocks noChangeAspect="1" noChangeArrowheads="1"/>
        </xdr:cNvPicPr>
      </xdr:nvPicPr>
      <xdr:blipFill>
        <a:blip xmlns:r="http://schemas.openxmlformats.org/officeDocument/2006/relationships" r:embed="rId40" cstate="email">
          <a:extLst>
            <a:ext uri="{28A0092B-C50C-407E-A947-70E740481C1C}">
              <a14:useLocalDpi xmlns:a14="http://schemas.microsoft.com/office/drawing/2010/main"/>
            </a:ext>
          </a:extLst>
        </a:blip>
        <a:srcRect/>
        <a:stretch>
          <a:fillRect/>
        </a:stretch>
      </xdr:blipFill>
      <xdr:spPr bwMode="auto">
        <a:xfrm>
          <a:off x="2243611" y="28292073"/>
          <a:ext cx="443747" cy="38697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511207</xdr:colOff>
      <xdr:row>55</xdr:row>
      <xdr:rowOff>39770</xdr:rowOff>
    </xdr:from>
    <xdr:to>
      <xdr:col>2</xdr:col>
      <xdr:colOff>711645</xdr:colOff>
      <xdr:row>55</xdr:row>
      <xdr:rowOff>415638</xdr:rowOff>
    </xdr:to>
    <xdr:pic>
      <xdr:nvPicPr>
        <xdr:cNvPr id="49" name="Picture 48">
          <a:extLst>
            <a:ext uri="{FF2B5EF4-FFF2-40B4-BE49-F238E27FC236}">
              <a16:creationId xmlns:a16="http://schemas.microsoft.com/office/drawing/2014/main" id="{959C5A68-9291-4573-9799-1E7D03680FBB}"/>
            </a:ext>
          </a:extLst>
        </xdr:cNvPr>
        <xdr:cNvPicPr>
          <a:picLocks noChangeAspect="1" noChangeArrowheads="1"/>
        </xdr:cNvPicPr>
      </xdr:nvPicPr>
      <xdr:blipFill>
        <a:blip xmlns:r="http://schemas.openxmlformats.org/officeDocument/2006/relationships" r:embed="rId41" cstate="email">
          <a:extLst>
            <a:ext uri="{28A0092B-C50C-407E-A947-70E740481C1C}">
              <a14:useLocalDpi xmlns:a14="http://schemas.microsoft.com/office/drawing/2010/main"/>
            </a:ext>
          </a:extLst>
        </a:blip>
        <a:srcRect/>
        <a:stretch>
          <a:fillRect/>
        </a:stretch>
      </xdr:blipFill>
      <xdr:spPr bwMode="auto">
        <a:xfrm>
          <a:off x="2333657" y="28748120"/>
          <a:ext cx="200438" cy="37586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522113</xdr:colOff>
      <xdr:row>56</xdr:row>
      <xdr:rowOff>46726</xdr:rowOff>
    </xdr:from>
    <xdr:to>
      <xdr:col>2</xdr:col>
      <xdr:colOff>658219</xdr:colOff>
      <xdr:row>56</xdr:row>
      <xdr:rowOff>369455</xdr:rowOff>
    </xdr:to>
    <xdr:pic>
      <xdr:nvPicPr>
        <xdr:cNvPr id="50" name="Picture 49">
          <a:extLst>
            <a:ext uri="{FF2B5EF4-FFF2-40B4-BE49-F238E27FC236}">
              <a16:creationId xmlns:a16="http://schemas.microsoft.com/office/drawing/2014/main" id="{5EDEAD26-3ECC-4247-9D91-20F104D59D29}"/>
            </a:ext>
          </a:extLst>
        </xdr:cNvPr>
        <xdr:cNvPicPr>
          <a:picLocks noChangeAspect="1" noChangeArrowheads="1"/>
        </xdr:cNvPicPr>
      </xdr:nvPicPr>
      <xdr:blipFill>
        <a:blip xmlns:r="http://schemas.openxmlformats.org/officeDocument/2006/relationships" r:embed="rId42" cstate="email">
          <a:extLst>
            <a:ext uri="{28A0092B-C50C-407E-A947-70E740481C1C}">
              <a14:useLocalDpi xmlns:a14="http://schemas.microsoft.com/office/drawing/2010/main"/>
            </a:ext>
          </a:extLst>
        </a:blip>
        <a:srcRect/>
        <a:stretch>
          <a:fillRect/>
        </a:stretch>
      </xdr:blipFill>
      <xdr:spPr bwMode="auto">
        <a:xfrm>
          <a:off x="2344563" y="29263076"/>
          <a:ext cx="136106" cy="32272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564444</xdr:colOff>
      <xdr:row>57</xdr:row>
      <xdr:rowOff>77613</xdr:rowOff>
    </xdr:from>
    <xdr:to>
      <xdr:col>2</xdr:col>
      <xdr:colOff>663864</xdr:colOff>
      <xdr:row>58</xdr:row>
      <xdr:rowOff>5916</xdr:rowOff>
    </xdr:to>
    <xdr:pic>
      <xdr:nvPicPr>
        <xdr:cNvPr id="51" name="Picture 50">
          <a:extLst>
            <a:ext uri="{FF2B5EF4-FFF2-40B4-BE49-F238E27FC236}">
              <a16:creationId xmlns:a16="http://schemas.microsoft.com/office/drawing/2014/main" id="{11C96326-4F51-4FC4-A16B-B236CDCAA07A}"/>
            </a:ext>
          </a:extLst>
        </xdr:cNvPr>
        <xdr:cNvPicPr>
          <a:picLocks noChangeAspect="1" noChangeArrowheads="1"/>
        </xdr:cNvPicPr>
      </xdr:nvPicPr>
      <xdr:blipFill>
        <a:blip xmlns:r="http://schemas.openxmlformats.org/officeDocument/2006/relationships" r:embed="rId43" cstate="email">
          <a:extLst>
            <a:ext uri="{28A0092B-C50C-407E-A947-70E740481C1C}">
              <a14:useLocalDpi xmlns:a14="http://schemas.microsoft.com/office/drawing/2010/main"/>
            </a:ext>
          </a:extLst>
        </a:blip>
        <a:srcRect/>
        <a:stretch>
          <a:fillRect/>
        </a:stretch>
      </xdr:blipFill>
      <xdr:spPr bwMode="auto">
        <a:xfrm>
          <a:off x="2386894" y="29801963"/>
          <a:ext cx="99420" cy="4363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42383</xdr:colOff>
      <xdr:row>58</xdr:row>
      <xdr:rowOff>65305</xdr:rowOff>
    </xdr:from>
    <xdr:to>
      <xdr:col>2</xdr:col>
      <xdr:colOff>816193</xdr:colOff>
      <xdr:row>58</xdr:row>
      <xdr:rowOff>493347</xdr:rowOff>
    </xdr:to>
    <xdr:pic>
      <xdr:nvPicPr>
        <xdr:cNvPr id="52" name="Picture 51">
          <a:extLst>
            <a:ext uri="{FF2B5EF4-FFF2-40B4-BE49-F238E27FC236}">
              <a16:creationId xmlns:a16="http://schemas.microsoft.com/office/drawing/2014/main" id="{C95B169C-3764-4257-B76B-63B484A81504}"/>
            </a:ext>
          </a:extLst>
        </xdr:cNvPr>
        <xdr:cNvPicPr>
          <a:picLocks noChangeAspect="1" noChangeArrowheads="1"/>
        </xdr:cNvPicPr>
      </xdr:nvPicPr>
      <xdr:blipFill>
        <a:blip xmlns:r="http://schemas.openxmlformats.org/officeDocument/2006/relationships" r:embed="rId44" cstate="email">
          <a:extLst>
            <a:ext uri="{28A0092B-C50C-407E-A947-70E740481C1C}">
              <a14:useLocalDpi xmlns:a14="http://schemas.microsoft.com/office/drawing/2010/main"/>
            </a:ext>
          </a:extLst>
        </a:blip>
        <a:srcRect/>
        <a:stretch>
          <a:fillRect/>
        </a:stretch>
      </xdr:blipFill>
      <xdr:spPr bwMode="auto">
        <a:xfrm>
          <a:off x="2264833" y="24881105"/>
          <a:ext cx="373810" cy="4280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81000</xdr:colOff>
      <xdr:row>14</xdr:row>
      <xdr:rowOff>33047</xdr:rowOff>
    </xdr:from>
    <xdr:to>
      <xdr:col>2</xdr:col>
      <xdr:colOff>888995</xdr:colOff>
      <xdr:row>14</xdr:row>
      <xdr:rowOff>410308</xdr:rowOff>
    </xdr:to>
    <xdr:pic>
      <xdr:nvPicPr>
        <xdr:cNvPr id="54" name="Picture 53">
          <a:extLst>
            <a:ext uri="{FF2B5EF4-FFF2-40B4-BE49-F238E27FC236}">
              <a16:creationId xmlns:a16="http://schemas.microsoft.com/office/drawing/2014/main" id="{602A7065-54D2-4A5C-BFA5-8298B06B9946}"/>
            </a:ext>
          </a:extLst>
        </xdr:cNvPr>
        <xdr:cNvPicPr>
          <a:picLocks noChangeAspect="1" noChangeArrowheads="1"/>
        </xdr:cNvPicPr>
      </xdr:nvPicPr>
      <xdr:blipFill>
        <a:blip xmlns:r="http://schemas.openxmlformats.org/officeDocument/2006/relationships" r:embed="rId45" cstate="email">
          <a:extLst>
            <a:ext uri="{28A0092B-C50C-407E-A947-70E740481C1C}">
              <a14:useLocalDpi xmlns:a14="http://schemas.microsoft.com/office/drawing/2010/main"/>
            </a:ext>
          </a:extLst>
        </a:blip>
        <a:srcRect/>
        <a:stretch>
          <a:fillRect/>
        </a:stretch>
      </xdr:blipFill>
      <xdr:spPr bwMode="auto">
        <a:xfrm>
          <a:off x="2203450" y="6294147"/>
          <a:ext cx="507995" cy="377261"/>
        </a:xfrm>
        <a:prstGeom prst="rect">
          <a:avLst/>
        </a:prstGeom>
        <a:noFill/>
        <a:ln w="9525">
          <a:noFill/>
          <a:miter lim="800000"/>
          <a:headEnd/>
          <a:tailEnd/>
        </a:ln>
      </xdr:spPr>
    </xdr:pic>
    <xdr:clientData/>
  </xdr:twoCellAnchor>
  <xdr:twoCellAnchor editAs="oneCell">
    <xdr:from>
      <xdr:col>2</xdr:col>
      <xdr:colOff>331611</xdr:colOff>
      <xdr:row>12</xdr:row>
      <xdr:rowOff>70555</xdr:rowOff>
    </xdr:from>
    <xdr:to>
      <xdr:col>2</xdr:col>
      <xdr:colOff>894734</xdr:colOff>
      <xdr:row>12</xdr:row>
      <xdr:rowOff>424676</xdr:rowOff>
    </xdr:to>
    <xdr:pic>
      <xdr:nvPicPr>
        <xdr:cNvPr id="57" name="图片 111">
          <a:extLst>
            <a:ext uri="{FF2B5EF4-FFF2-40B4-BE49-F238E27FC236}">
              <a16:creationId xmlns:a16="http://schemas.microsoft.com/office/drawing/2014/main" id="{22EEF9BF-7412-47A5-812D-D34B0F0050DB}"/>
            </a:ext>
          </a:extLst>
        </xdr:cNvPr>
        <xdr:cNvPicPr>
          <a:picLocks noChangeAspect="1"/>
        </xdr:cNvPicPr>
      </xdr:nvPicPr>
      <xdr:blipFill>
        <a:blip xmlns:r="http://schemas.openxmlformats.org/officeDocument/2006/relationships" r:embed="rId46" cstate="email">
          <a:extLst>
            <a:ext uri="{28A0092B-C50C-407E-A947-70E740481C1C}">
              <a14:useLocalDpi xmlns:a14="http://schemas.microsoft.com/office/drawing/2010/main"/>
            </a:ext>
          </a:extLst>
        </a:blip>
        <a:srcRect/>
        <a:stretch>
          <a:fillRect/>
        </a:stretch>
      </xdr:blipFill>
      <xdr:spPr bwMode="auto">
        <a:xfrm>
          <a:off x="2154061" y="5379155"/>
          <a:ext cx="563123" cy="354121"/>
        </a:xfrm>
        <a:prstGeom prst="rect">
          <a:avLst/>
        </a:prstGeom>
        <a:noFill/>
        <a:ln w="9525">
          <a:noFill/>
          <a:miter lim="800000"/>
          <a:headEnd/>
          <a:tailEnd/>
        </a:ln>
      </xdr:spPr>
    </xdr:pic>
    <xdr:clientData/>
  </xdr:twoCellAnchor>
  <xdr:twoCellAnchor editAs="oneCell">
    <xdr:from>
      <xdr:col>2</xdr:col>
      <xdr:colOff>373944</xdr:colOff>
      <xdr:row>11</xdr:row>
      <xdr:rowOff>77611</xdr:rowOff>
    </xdr:from>
    <xdr:to>
      <xdr:col>2</xdr:col>
      <xdr:colOff>937067</xdr:colOff>
      <xdr:row>11</xdr:row>
      <xdr:rowOff>431732</xdr:rowOff>
    </xdr:to>
    <xdr:pic>
      <xdr:nvPicPr>
        <xdr:cNvPr id="58" name="图片 47">
          <a:extLst>
            <a:ext uri="{FF2B5EF4-FFF2-40B4-BE49-F238E27FC236}">
              <a16:creationId xmlns:a16="http://schemas.microsoft.com/office/drawing/2014/main" id="{916EBB0E-01EB-4983-8F05-773C9D05D62E}"/>
            </a:ext>
          </a:extLst>
        </xdr:cNvPr>
        <xdr:cNvPicPr>
          <a:picLocks noChangeAspect="1"/>
        </xdr:cNvPicPr>
      </xdr:nvPicPr>
      <xdr:blipFill>
        <a:blip xmlns:r="http://schemas.openxmlformats.org/officeDocument/2006/relationships" r:embed="rId46" cstate="email">
          <a:extLst>
            <a:ext uri="{28A0092B-C50C-407E-A947-70E740481C1C}">
              <a14:useLocalDpi xmlns:a14="http://schemas.microsoft.com/office/drawing/2010/main"/>
            </a:ext>
          </a:extLst>
        </a:blip>
        <a:srcRect/>
        <a:stretch>
          <a:fillRect/>
        </a:stretch>
      </xdr:blipFill>
      <xdr:spPr bwMode="auto">
        <a:xfrm>
          <a:off x="2196394" y="4909961"/>
          <a:ext cx="563123" cy="354121"/>
        </a:xfrm>
        <a:prstGeom prst="rect">
          <a:avLst/>
        </a:prstGeom>
        <a:noFill/>
        <a:ln w="9525">
          <a:noFill/>
          <a:miter lim="800000"/>
          <a:headEnd/>
          <a:tailEnd/>
        </a:ln>
      </xdr:spPr>
    </xdr:pic>
    <xdr:clientData/>
  </xdr:twoCellAnchor>
  <xdr:twoCellAnchor editAs="oneCell">
    <xdr:from>
      <xdr:col>2</xdr:col>
      <xdr:colOff>479779</xdr:colOff>
      <xdr:row>18</xdr:row>
      <xdr:rowOff>63501</xdr:rowOff>
    </xdr:from>
    <xdr:to>
      <xdr:col>2</xdr:col>
      <xdr:colOff>879231</xdr:colOff>
      <xdr:row>18</xdr:row>
      <xdr:rowOff>442687</xdr:rowOff>
    </xdr:to>
    <xdr:pic>
      <xdr:nvPicPr>
        <xdr:cNvPr id="60" name="Picture 59">
          <a:extLst>
            <a:ext uri="{FF2B5EF4-FFF2-40B4-BE49-F238E27FC236}">
              <a16:creationId xmlns:a16="http://schemas.microsoft.com/office/drawing/2014/main" id="{C7B9BE35-DF99-480C-98E1-48CCF14B0032}"/>
            </a:ext>
          </a:extLst>
        </xdr:cNvPr>
        <xdr:cNvPicPr>
          <a:picLocks noChangeAspect="1" noChangeArrowheads="1"/>
        </xdr:cNvPicPr>
      </xdr:nvPicPr>
      <xdr:blipFill>
        <a:blip xmlns:r="http://schemas.openxmlformats.org/officeDocument/2006/relationships" r:embed="rId47" cstate="email">
          <a:extLst>
            <a:ext uri="{28A0092B-C50C-407E-A947-70E740481C1C}">
              <a14:useLocalDpi xmlns:a14="http://schemas.microsoft.com/office/drawing/2010/main"/>
            </a:ext>
          </a:extLst>
        </a:blip>
        <a:srcRect/>
        <a:stretch>
          <a:fillRect/>
        </a:stretch>
      </xdr:blipFill>
      <xdr:spPr bwMode="auto">
        <a:xfrm>
          <a:off x="2302229" y="8229601"/>
          <a:ext cx="399452" cy="3791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editAs="oneCell">
    <xdr:from>
      <xdr:col>2</xdr:col>
      <xdr:colOff>204611</xdr:colOff>
      <xdr:row>10</xdr:row>
      <xdr:rowOff>63501</xdr:rowOff>
    </xdr:from>
    <xdr:to>
      <xdr:col>2</xdr:col>
      <xdr:colOff>844545</xdr:colOff>
      <xdr:row>10</xdr:row>
      <xdr:rowOff>454269</xdr:rowOff>
    </xdr:to>
    <xdr:pic>
      <xdr:nvPicPr>
        <xdr:cNvPr id="61" name="Picture 60">
          <a:extLst>
            <a:ext uri="{FF2B5EF4-FFF2-40B4-BE49-F238E27FC236}">
              <a16:creationId xmlns:a16="http://schemas.microsoft.com/office/drawing/2014/main" id="{0EDBAD0C-5F91-43F7-9842-3C1A122655E9}"/>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bwMode="auto">
        <a:xfrm>
          <a:off x="2027061" y="4419601"/>
          <a:ext cx="639934" cy="39076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30389</xdr:colOff>
      <xdr:row>13</xdr:row>
      <xdr:rowOff>98778</xdr:rowOff>
    </xdr:from>
    <xdr:to>
      <xdr:col>2</xdr:col>
      <xdr:colOff>884117</xdr:colOff>
      <xdr:row>13</xdr:row>
      <xdr:rowOff>437738</xdr:rowOff>
    </xdr:to>
    <xdr:pic>
      <xdr:nvPicPr>
        <xdr:cNvPr id="62" name="Picture 61">
          <a:extLst>
            <a:ext uri="{FF2B5EF4-FFF2-40B4-BE49-F238E27FC236}">
              <a16:creationId xmlns:a16="http://schemas.microsoft.com/office/drawing/2014/main" id="{9A29C181-05BD-4226-A6F2-D9B88C2BD4E9}"/>
            </a:ext>
          </a:extLst>
        </xdr:cNvPr>
        <xdr:cNvPicPr>
          <a:picLocks noChangeAspect="1" noChangeArrowheads="1"/>
        </xdr:cNvPicPr>
      </xdr:nvPicPr>
      <xdr:blipFill>
        <a:blip xmlns:r="http://schemas.openxmlformats.org/officeDocument/2006/relationships" r:embed="rId49" cstate="email">
          <a:extLst>
            <a:ext uri="{28A0092B-C50C-407E-A947-70E740481C1C}">
              <a14:useLocalDpi xmlns:a14="http://schemas.microsoft.com/office/drawing/2010/main"/>
            </a:ext>
          </a:extLst>
        </a:blip>
        <a:srcRect/>
        <a:stretch>
          <a:fillRect/>
        </a:stretch>
      </xdr:blipFill>
      <xdr:spPr bwMode="auto">
        <a:xfrm>
          <a:off x="2252839" y="5883628"/>
          <a:ext cx="453728" cy="338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96272</xdr:colOff>
      <xdr:row>2</xdr:row>
      <xdr:rowOff>51955</xdr:rowOff>
    </xdr:from>
    <xdr:to>
      <xdr:col>2</xdr:col>
      <xdr:colOff>1119909</xdr:colOff>
      <xdr:row>2</xdr:row>
      <xdr:rowOff>456978</xdr:rowOff>
    </xdr:to>
    <xdr:pic>
      <xdr:nvPicPr>
        <xdr:cNvPr id="63" name="Picture 62">
          <a:extLst>
            <a:ext uri="{FF2B5EF4-FFF2-40B4-BE49-F238E27FC236}">
              <a16:creationId xmlns:a16="http://schemas.microsoft.com/office/drawing/2014/main" id="{5A930CC8-B603-4BDC-8C2E-0F6DD5749579}"/>
            </a:ext>
          </a:extLst>
        </xdr:cNvPr>
        <xdr:cNvPicPr>
          <a:picLocks noChangeAspect="1" noChangeArrowheads="1"/>
        </xdr:cNvPicPr>
      </xdr:nvPicPr>
      <xdr:blipFill>
        <a:blip xmlns:r="http://schemas.openxmlformats.org/officeDocument/2006/relationships" r:embed="rId50" cstate="email">
          <a:extLst>
            <a:ext uri="{28A0092B-C50C-407E-A947-70E740481C1C}">
              <a14:useLocalDpi xmlns:a14="http://schemas.microsoft.com/office/drawing/2010/main"/>
            </a:ext>
          </a:extLst>
        </a:blip>
        <a:srcRect/>
        <a:stretch>
          <a:fillRect/>
        </a:stretch>
      </xdr:blipFill>
      <xdr:spPr bwMode="auto">
        <a:xfrm>
          <a:off x="2018722" y="413905"/>
          <a:ext cx="923637" cy="40502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52136</xdr:colOff>
      <xdr:row>60</xdr:row>
      <xdr:rowOff>48266</xdr:rowOff>
    </xdr:from>
    <xdr:to>
      <xdr:col>2</xdr:col>
      <xdr:colOff>897967</xdr:colOff>
      <xdr:row>60</xdr:row>
      <xdr:rowOff>421409</xdr:rowOff>
    </xdr:to>
    <xdr:pic>
      <xdr:nvPicPr>
        <xdr:cNvPr id="64" name="Picture 63">
          <a:extLst>
            <a:ext uri="{FF2B5EF4-FFF2-40B4-BE49-F238E27FC236}">
              <a16:creationId xmlns:a16="http://schemas.microsoft.com/office/drawing/2014/main" id="{A887286C-9859-434B-91AD-49BD3C936040}"/>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a:ext>
          </a:extLst>
        </a:blip>
        <a:srcRect/>
        <a:stretch>
          <a:fillRect/>
        </a:stretch>
      </xdr:blipFill>
      <xdr:spPr bwMode="auto">
        <a:xfrm>
          <a:off x="2174586" y="31296616"/>
          <a:ext cx="545831" cy="37314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02150</xdr:colOff>
      <xdr:row>61</xdr:row>
      <xdr:rowOff>103910</xdr:rowOff>
    </xdr:from>
    <xdr:to>
      <xdr:col>2</xdr:col>
      <xdr:colOff>879764</xdr:colOff>
      <xdr:row>61</xdr:row>
      <xdr:rowOff>430645</xdr:rowOff>
    </xdr:to>
    <xdr:pic>
      <xdr:nvPicPr>
        <xdr:cNvPr id="65" name="Picture 64">
          <a:extLst>
            <a:ext uri="{FF2B5EF4-FFF2-40B4-BE49-F238E27FC236}">
              <a16:creationId xmlns:a16="http://schemas.microsoft.com/office/drawing/2014/main" id="{4886ED7E-B273-43AD-A448-20D02D652B92}"/>
            </a:ext>
          </a:extLst>
        </xdr:cNvPr>
        <xdr:cNvPicPr>
          <a:picLocks noChangeAspect="1" noChangeArrowheads="1"/>
        </xdr:cNvPicPr>
      </xdr:nvPicPr>
      <xdr:blipFill>
        <a:blip xmlns:r="http://schemas.openxmlformats.org/officeDocument/2006/relationships" r:embed="rId52" cstate="email">
          <a:extLst>
            <a:ext uri="{28A0092B-C50C-407E-A947-70E740481C1C}">
              <a14:useLocalDpi xmlns:a14="http://schemas.microsoft.com/office/drawing/2010/main"/>
            </a:ext>
          </a:extLst>
        </a:blip>
        <a:srcRect/>
        <a:stretch>
          <a:fillRect/>
        </a:stretch>
      </xdr:blipFill>
      <xdr:spPr bwMode="auto">
        <a:xfrm>
          <a:off x="2224600" y="31860260"/>
          <a:ext cx="477614" cy="32673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73365</xdr:colOff>
      <xdr:row>62</xdr:row>
      <xdr:rowOff>76176</xdr:rowOff>
    </xdr:from>
    <xdr:to>
      <xdr:col>2</xdr:col>
      <xdr:colOff>920175</xdr:colOff>
      <xdr:row>62</xdr:row>
      <xdr:rowOff>382156</xdr:rowOff>
    </xdr:to>
    <xdr:pic>
      <xdr:nvPicPr>
        <xdr:cNvPr id="66" name="Picture 65">
          <a:extLst>
            <a:ext uri="{FF2B5EF4-FFF2-40B4-BE49-F238E27FC236}">
              <a16:creationId xmlns:a16="http://schemas.microsoft.com/office/drawing/2014/main" id="{B6657334-19A7-4B5D-8754-701626E75AE9}"/>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a:ext>
          </a:extLst>
        </a:blip>
        <a:srcRect/>
        <a:stretch>
          <a:fillRect/>
        </a:stretch>
      </xdr:blipFill>
      <xdr:spPr bwMode="auto">
        <a:xfrm>
          <a:off x="2295815" y="32340526"/>
          <a:ext cx="446810" cy="3059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12065</xdr:colOff>
      <xdr:row>63</xdr:row>
      <xdr:rowOff>51954</xdr:rowOff>
    </xdr:from>
    <xdr:to>
      <xdr:col>2</xdr:col>
      <xdr:colOff>976070</xdr:colOff>
      <xdr:row>63</xdr:row>
      <xdr:rowOff>438727</xdr:rowOff>
    </xdr:to>
    <xdr:pic>
      <xdr:nvPicPr>
        <xdr:cNvPr id="67" name="Picture 66">
          <a:extLst>
            <a:ext uri="{FF2B5EF4-FFF2-40B4-BE49-F238E27FC236}">
              <a16:creationId xmlns:a16="http://schemas.microsoft.com/office/drawing/2014/main" id="{C5873C3E-0BFC-4E8B-A7BA-73B14384D9F7}"/>
            </a:ext>
          </a:extLst>
        </xdr:cNvPr>
        <xdr:cNvPicPr>
          <a:picLocks noChangeAspect="1" noChangeArrowheads="1"/>
        </xdr:cNvPicPr>
      </xdr:nvPicPr>
      <xdr:blipFill>
        <a:blip xmlns:r="http://schemas.openxmlformats.org/officeDocument/2006/relationships" r:embed="rId54" cstate="email">
          <a:extLst>
            <a:ext uri="{28A0092B-C50C-407E-A947-70E740481C1C}">
              <a14:useLocalDpi xmlns:a14="http://schemas.microsoft.com/office/drawing/2010/main"/>
            </a:ext>
          </a:extLst>
        </a:blip>
        <a:srcRect/>
        <a:stretch>
          <a:fillRect/>
        </a:stretch>
      </xdr:blipFill>
      <xdr:spPr bwMode="auto">
        <a:xfrm>
          <a:off x="2234515" y="32824304"/>
          <a:ext cx="564005" cy="38677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21591</xdr:colOff>
      <xdr:row>50</xdr:row>
      <xdr:rowOff>63500</xdr:rowOff>
    </xdr:from>
    <xdr:to>
      <xdr:col>2</xdr:col>
      <xdr:colOff>908627</xdr:colOff>
      <xdr:row>50</xdr:row>
      <xdr:rowOff>465858</xdr:rowOff>
    </xdr:to>
    <xdr:pic>
      <xdr:nvPicPr>
        <xdr:cNvPr id="68" name="Picture 67">
          <a:extLst>
            <a:ext uri="{FF2B5EF4-FFF2-40B4-BE49-F238E27FC236}">
              <a16:creationId xmlns:a16="http://schemas.microsoft.com/office/drawing/2014/main" id="{76C17874-3225-4571-A402-90BFF2B309A7}"/>
            </a:ext>
          </a:extLst>
        </xdr:cNvPr>
        <xdr:cNvPicPr>
          <a:picLocks noChangeAspect="1" noChangeArrowheads="1"/>
        </xdr:cNvPicPr>
      </xdr:nvPicPr>
      <xdr:blipFill>
        <a:blip xmlns:r="http://schemas.openxmlformats.org/officeDocument/2006/relationships" r:embed="rId55" cstate="email">
          <a:extLst>
            <a:ext uri="{28A0092B-C50C-407E-A947-70E740481C1C}">
              <a14:useLocalDpi xmlns:a14="http://schemas.microsoft.com/office/drawing/2010/main"/>
            </a:ext>
          </a:extLst>
        </a:blip>
        <a:srcRect/>
        <a:stretch>
          <a:fillRect/>
        </a:stretch>
      </xdr:blipFill>
      <xdr:spPr bwMode="auto">
        <a:xfrm>
          <a:off x="2144041" y="25374600"/>
          <a:ext cx="587036" cy="40235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67</xdr:row>
      <xdr:rowOff>0</xdr:rowOff>
    </xdr:from>
    <xdr:to>
      <xdr:col>10</xdr:col>
      <xdr:colOff>9525</xdr:colOff>
      <xdr:row>67</xdr:row>
      <xdr:rowOff>9525</xdr:rowOff>
    </xdr:to>
    <xdr:pic>
      <xdr:nvPicPr>
        <xdr:cNvPr id="69" name="图片 2" descr="C:\Users\lw7435\AppData\Roaming\Foxmail7\Temp-5892-20190527081204\Attach\ecblank(05-27-08-19-56).gif">
          <a:extLst>
            <a:ext uri="{FF2B5EF4-FFF2-40B4-BE49-F238E27FC236}">
              <a16:creationId xmlns:a16="http://schemas.microsoft.com/office/drawing/2014/main" id="{E2778F96-B8F2-4D4F-ABC0-97DC7F6F4EDE}"/>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67</xdr:row>
      <xdr:rowOff>0</xdr:rowOff>
    </xdr:from>
    <xdr:to>
      <xdr:col>10</xdr:col>
      <xdr:colOff>9525</xdr:colOff>
      <xdr:row>67</xdr:row>
      <xdr:rowOff>9525</xdr:rowOff>
    </xdr:to>
    <xdr:pic>
      <xdr:nvPicPr>
        <xdr:cNvPr id="70" name="图片 6" descr="C:\Users\lw7435\AppData\Roaming\Foxmail7\Temp-5892-20190527081204\Attach\ecblank(05-27-08-19-56).gif">
          <a:extLst>
            <a:ext uri="{FF2B5EF4-FFF2-40B4-BE49-F238E27FC236}">
              <a16:creationId xmlns:a16="http://schemas.microsoft.com/office/drawing/2014/main" id="{004D3CA9-B3C2-4376-A515-D44CAF41F7C9}"/>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10</xdr:col>
      <xdr:colOff>0</xdr:colOff>
      <xdr:row>67</xdr:row>
      <xdr:rowOff>0</xdr:rowOff>
    </xdr:from>
    <xdr:ext cx="9525" cy="9525"/>
    <xdr:pic>
      <xdr:nvPicPr>
        <xdr:cNvPr id="71" name="图片 2" descr="C:\Users\lw7435\AppData\Roaming\Foxmail7\Temp-5892-20190527081204\Attach\ecblank(05-27-08-19-56).gif">
          <a:extLst>
            <a:ext uri="{FF2B5EF4-FFF2-40B4-BE49-F238E27FC236}">
              <a16:creationId xmlns:a16="http://schemas.microsoft.com/office/drawing/2014/main" id="{0DF2D223-EF07-4D7B-AE1B-64A575F26ABE}"/>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10</xdr:col>
      <xdr:colOff>0</xdr:colOff>
      <xdr:row>67</xdr:row>
      <xdr:rowOff>0</xdr:rowOff>
    </xdr:from>
    <xdr:ext cx="9525" cy="9525"/>
    <xdr:pic>
      <xdr:nvPicPr>
        <xdr:cNvPr id="72" name="图片 6" descr="C:\Users\lw7435\AppData\Roaming\Foxmail7\Temp-5892-20190527081204\Attach\ecblank(05-27-08-19-56).gif">
          <a:extLst>
            <a:ext uri="{FF2B5EF4-FFF2-40B4-BE49-F238E27FC236}">
              <a16:creationId xmlns:a16="http://schemas.microsoft.com/office/drawing/2014/main" id="{7FA8C200-A682-4B43-BFCE-EA6296734AA3}"/>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editAs="oneCell">
    <xdr:from>
      <xdr:col>10</xdr:col>
      <xdr:colOff>0</xdr:colOff>
      <xdr:row>67</xdr:row>
      <xdr:rowOff>0</xdr:rowOff>
    </xdr:from>
    <xdr:to>
      <xdr:col>10</xdr:col>
      <xdr:colOff>9525</xdr:colOff>
      <xdr:row>67</xdr:row>
      <xdr:rowOff>9525</xdr:rowOff>
    </xdr:to>
    <xdr:pic>
      <xdr:nvPicPr>
        <xdr:cNvPr id="73" name="图片 11" descr="C:\Users\lw7435\AppData\Roaming\Foxmail7\Temp-5892-20190527081204\Attach\ecblank(05-27-08-19-56).gif">
          <a:extLst>
            <a:ext uri="{FF2B5EF4-FFF2-40B4-BE49-F238E27FC236}">
              <a16:creationId xmlns:a16="http://schemas.microsoft.com/office/drawing/2014/main" id="{9E5A9B83-EA4A-4C6F-8466-EEB031C2CB14}"/>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67</xdr:row>
      <xdr:rowOff>0</xdr:rowOff>
    </xdr:from>
    <xdr:to>
      <xdr:col>10</xdr:col>
      <xdr:colOff>9525</xdr:colOff>
      <xdr:row>67</xdr:row>
      <xdr:rowOff>9525</xdr:rowOff>
    </xdr:to>
    <xdr:pic>
      <xdr:nvPicPr>
        <xdr:cNvPr id="74" name="图片 15" descr="C:\Users\lw7435\AppData\Roaming\Foxmail7\Temp-5892-20190527081204\Attach\ecblank(05-27-08-19-56).gif">
          <a:extLst>
            <a:ext uri="{FF2B5EF4-FFF2-40B4-BE49-F238E27FC236}">
              <a16:creationId xmlns:a16="http://schemas.microsoft.com/office/drawing/2014/main" id="{2337301A-5F8B-43A0-8CF2-0A121448ED9E}"/>
            </a:ext>
          </a:extLst>
        </xdr:cNvPr>
        <xdr:cNvPicPr>
          <a:picLocks noChangeAspect="1" noChangeArrowheads="1"/>
        </xdr:cNvPicPr>
      </xdr:nvPicPr>
      <xdr:blipFill>
        <a:blip xmlns:r="http://schemas.openxmlformats.org/officeDocument/2006/relationships" r:embed="rId56">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355811</xdr:colOff>
      <xdr:row>46</xdr:row>
      <xdr:rowOff>57727</xdr:rowOff>
    </xdr:from>
    <xdr:to>
      <xdr:col>2</xdr:col>
      <xdr:colOff>1095144</xdr:colOff>
      <xdr:row>46</xdr:row>
      <xdr:rowOff>430472</xdr:rowOff>
    </xdr:to>
    <xdr:pic>
      <xdr:nvPicPr>
        <xdr:cNvPr id="75" name="Picture 2">
          <a:extLst>
            <a:ext uri="{FF2B5EF4-FFF2-40B4-BE49-F238E27FC236}">
              <a16:creationId xmlns:a16="http://schemas.microsoft.com/office/drawing/2014/main" id="{98452C30-D3C4-4D2A-B2A0-9D0363A62F12}"/>
            </a:ext>
          </a:extLst>
        </xdr:cNvPr>
        <xdr:cNvPicPr>
          <a:picLocks noChangeAspect="1" noChangeArrowheads="1"/>
        </xdr:cNvPicPr>
      </xdr:nvPicPr>
      <xdr:blipFill>
        <a:blip xmlns:r="http://schemas.openxmlformats.org/officeDocument/2006/relationships" r:embed="rId57" cstate="email">
          <a:lum contrast="10000"/>
          <a:extLst>
            <a:ext uri="{28A0092B-C50C-407E-A947-70E740481C1C}">
              <a14:useLocalDpi xmlns:a14="http://schemas.microsoft.com/office/drawing/2010/main"/>
            </a:ext>
          </a:extLst>
        </a:blip>
        <a:srcRect/>
        <a:stretch>
          <a:fillRect/>
        </a:stretch>
      </xdr:blipFill>
      <xdr:spPr bwMode="auto">
        <a:xfrm>
          <a:off x="2178261" y="23463827"/>
          <a:ext cx="739333" cy="372745"/>
        </a:xfrm>
        <a:prstGeom prst="rect">
          <a:avLst/>
        </a:prstGeom>
        <a:noFill/>
        <a:ln w="9525">
          <a:noFill/>
          <a:miter lim="800000"/>
          <a:headEnd/>
          <a:tailEnd/>
        </a:ln>
        <a:effec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0</xdr:colOff>
      <xdr:row>5</xdr:row>
      <xdr:rowOff>561</xdr:rowOff>
    </xdr:from>
    <xdr:to>
      <xdr:col>0</xdr:col>
      <xdr:colOff>1060450</xdr:colOff>
      <xdr:row>5</xdr:row>
      <xdr:rowOff>584201</xdr:rowOff>
    </xdr:to>
    <xdr:grpSp>
      <xdr:nvGrpSpPr>
        <xdr:cNvPr id="2" name="组合 161">
          <a:extLst>
            <a:ext uri="{FF2B5EF4-FFF2-40B4-BE49-F238E27FC236}">
              <a16:creationId xmlns:a16="http://schemas.microsoft.com/office/drawing/2014/main" id="{80BE0D71-8C16-4ECA-96AC-4BC8B62A273F}"/>
            </a:ext>
          </a:extLst>
        </xdr:cNvPr>
        <xdr:cNvGrpSpPr/>
      </xdr:nvGrpSpPr>
      <xdr:grpSpPr>
        <a:xfrm>
          <a:off x="0" y="1826186"/>
          <a:ext cx="1041400" cy="583640"/>
          <a:chOff x="3563888" y="4509120"/>
          <a:chExt cx="2466975" cy="1222915"/>
        </a:xfrm>
      </xdr:grpSpPr>
      <xdr:pic>
        <xdr:nvPicPr>
          <xdr:cNvPr id="3" name="Picture 11">
            <a:extLst>
              <a:ext uri="{FF2B5EF4-FFF2-40B4-BE49-F238E27FC236}">
                <a16:creationId xmlns:a16="http://schemas.microsoft.com/office/drawing/2014/main" id="{B9552BA6-58F2-4FA2-81BB-1C79C53102BF}"/>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3563888" y="4509120"/>
            <a:ext cx="2466975" cy="1222915"/>
          </a:xfrm>
          <a:prstGeom prst="rect">
            <a:avLst/>
          </a:prstGeom>
          <a:noFill/>
          <a:ln w="9525">
            <a:noFill/>
            <a:miter lim="800000"/>
            <a:headEnd/>
            <a:tailEnd/>
          </a:ln>
        </xdr:spPr>
      </xdr:pic>
      <xdr:pic>
        <xdr:nvPicPr>
          <xdr:cNvPr id="4" name="Picture 2" descr="F:\04-高胡滨美工工作\01-宇视Logo\导出\uniview-black.png">
            <a:extLst>
              <a:ext uri="{FF2B5EF4-FFF2-40B4-BE49-F238E27FC236}">
                <a16:creationId xmlns:a16="http://schemas.microsoft.com/office/drawing/2014/main" id="{824A83D4-CF8B-4C68-86DD-586E659F539E}"/>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rot="20656552">
            <a:off x="5511600" y="5101200"/>
            <a:ext cx="287492" cy="73143"/>
          </a:xfrm>
          <a:prstGeom prst="rect">
            <a:avLst/>
          </a:prstGeom>
          <a:noFill/>
        </xdr:spPr>
      </xdr:pic>
    </xdr:grpSp>
    <xdr:clientData/>
  </xdr:twoCellAnchor>
  <xdr:twoCellAnchor editAs="oneCell">
    <xdr:from>
      <xdr:col>0</xdr:col>
      <xdr:colOff>174812</xdr:colOff>
      <xdr:row>117</xdr:row>
      <xdr:rowOff>296395</xdr:rowOff>
    </xdr:from>
    <xdr:to>
      <xdr:col>0</xdr:col>
      <xdr:colOff>632012</xdr:colOff>
      <xdr:row>117</xdr:row>
      <xdr:rowOff>990599</xdr:rowOff>
    </xdr:to>
    <xdr:pic>
      <xdr:nvPicPr>
        <xdr:cNvPr id="5" name="Picture 2">
          <a:extLst>
            <a:ext uri="{FF2B5EF4-FFF2-40B4-BE49-F238E27FC236}">
              <a16:creationId xmlns:a16="http://schemas.microsoft.com/office/drawing/2014/main" id="{0B6573A6-C761-4BD5-B670-5113DAA41C17}"/>
            </a:ext>
          </a:extLst>
        </xdr:cNvPr>
        <xdr:cNvPicPr>
          <a:picLocks noChangeArrowheads="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174812" y="49419995"/>
          <a:ext cx="457200" cy="694204"/>
        </a:xfrm>
        <a:prstGeom prst="rect">
          <a:avLst/>
        </a:prstGeom>
        <a:noFill/>
        <a:ln w="9525">
          <a:noFill/>
          <a:miter lim="800000"/>
          <a:headEnd/>
          <a:tailEnd/>
        </a:ln>
      </xdr:spPr>
    </xdr:pic>
    <xdr:clientData/>
  </xdr:twoCellAnchor>
  <xdr:twoCellAnchor editAs="oneCell">
    <xdr:from>
      <xdr:col>0</xdr:col>
      <xdr:colOff>180975</xdr:colOff>
      <xdr:row>113</xdr:row>
      <xdr:rowOff>191620</xdr:rowOff>
    </xdr:from>
    <xdr:to>
      <xdr:col>0</xdr:col>
      <xdr:colOff>619125</xdr:colOff>
      <xdr:row>116</xdr:row>
      <xdr:rowOff>10346</xdr:rowOff>
    </xdr:to>
    <xdr:pic>
      <xdr:nvPicPr>
        <xdr:cNvPr id="6" name="Picture 1">
          <a:extLst>
            <a:ext uri="{FF2B5EF4-FFF2-40B4-BE49-F238E27FC236}">
              <a16:creationId xmlns:a16="http://schemas.microsoft.com/office/drawing/2014/main" id="{208EFE78-B476-4543-9E35-2D2134F8A4A5}"/>
            </a:ext>
          </a:extLst>
        </xdr:cNvPr>
        <xdr:cNvPicPr>
          <a:picLocks noChangeAspect="1" noChangeArrowheads="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180975" y="48381770"/>
          <a:ext cx="438150" cy="561676"/>
        </a:xfrm>
        <a:prstGeom prst="rect">
          <a:avLst/>
        </a:prstGeom>
        <a:noFill/>
        <a:ln w="9525">
          <a:noFill/>
          <a:miter lim="800000"/>
          <a:headEnd/>
          <a:tailEnd/>
        </a:ln>
      </xdr:spPr>
    </xdr:pic>
    <xdr:clientData/>
  </xdr:twoCellAnchor>
  <xdr:twoCellAnchor editAs="oneCell">
    <xdr:from>
      <xdr:col>0</xdr:col>
      <xdr:colOff>161925</xdr:colOff>
      <xdr:row>141</xdr:row>
      <xdr:rowOff>800100</xdr:rowOff>
    </xdr:from>
    <xdr:to>
      <xdr:col>0</xdr:col>
      <xdr:colOff>721519</xdr:colOff>
      <xdr:row>144</xdr:row>
      <xdr:rowOff>42860</xdr:rowOff>
    </xdr:to>
    <xdr:pic>
      <xdr:nvPicPr>
        <xdr:cNvPr id="7" name="图片 166">
          <a:extLst>
            <a:ext uri="{FF2B5EF4-FFF2-40B4-BE49-F238E27FC236}">
              <a16:creationId xmlns:a16="http://schemas.microsoft.com/office/drawing/2014/main" id="{A076712F-BDC1-443E-832D-B1E03B972C4C}"/>
            </a:ext>
          </a:extLst>
        </xdr:cNvPr>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161925" y="59709050"/>
          <a:ext cx="559594" cy="684210"/>
        </a:xfrm>
        <a:prstGeom prst="rect">
          <a:avLst/>
        </a:prstGeom>
        <a:noFill/>
        <a:ln w="9525">
          <a:noFill/>
          <a:miter lim="800000"/>
          <a:headEnd/>
          <a:tailEnd/>
        </a:ln>
      </xdr:spPr>
    </xdr:pic>
    <xdr:clientData/>
  </xdr:twoCellAnchor>
  <xdr:oneCellAnchor>
    <xdr:from>
      <xdr:col>4</xdr:col>
      <xdr:colOff>232522</xdr:colOff>
      <xdr:row>141</xdr:row>
      <xdr:rowOff>184897</xdr:rowOff>
    </xdr:from>
    <xdr:ext cx="761826" cy="690576"/>
    <xdr:pic>
      <xdr:nvPicPr>
        <xdr:cNvPr id="8" name="Picture 3">
          <a:extLst>
            <a:ext uri="{FF2B5EF4-FFF2-40B4-BE49-F238E27FC236}">
              <a16:creationId xmlns:a16="http://schemas.microsoft.com/office/drawing/2014/main" id="{25F996A6-9964-4EDA-A67D-92EA18584A2A}"/>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a:ext>
          </a:extLst>
        </a:blip>
        <a:srcRect/>
        <a:stretch>
          <a:fillRect/>
        </a:stretch>
      </xdr:blipFill>
      <xdr:spPr>
        <a:xfrm>
          <a:off x="4550522" y="59093847"/>
          <a:ext cx="761826" cy="690576"/>
        </a:xfrm>
        <a:prstGeom prst="rect">
          <a:avLst/>
        </a:prstGeom>
        <a:noFill/>
        <a:ln w="9525">
          <a:noFill/>
          <a:miter lim="800000"/>
          <a:headEnd/>
          <a:tailEnd/>
        </a:ln>
      </xdr:spPr>
    </xdr:pic>
    <xdr:clientData/>
  </xdr:oneCellAnchor>
  <xdr:twoCellAnchor editAs="oneCell">
    <xdr:from>
      <xdr:col>9</xdr:col>
      <xdr:colOff>285750</xdr:colOff>
      <xdr:row>2</xdr:row>
      <xdr:rowOff>142875</xdr:rowOff>
    </xdr:from>
    <xdr:to>
      <xdr:col>10</xdr:col>
      <xdr:colOff>2074</xdr:colOff>
      <xdr:row>2</xdr:row>
      <xdr:rowOff>934963</xdr:rowOff>
    </xdr:to>
    <xdr:pic>
      <xdr:nvPicPr>
        <xdr:cNvPr id="9" name="图片 168">
          <a:extLst>
            <a:ext uri="{FF2B5EF4-FFF2-40B4-BE49-F238E27FC236}">
              <a16:creationId xmlns:a16="http://schemas.microsoft.com/office/drawing/2014/main" id="{29391FE6-2739-46B1-A3E6-FE9E2FFB7E9D}"/>
            </a:ext>
          </a:extLst>
        </xdr:cNvPr>
        <xdr:cNvPicPr/>
      </xdr:nvPicPr>
      <xdr:blipFill>
        <a:blip xmlns:r="http://schemas.openxmlformats.org/officeDocument/2006/relationships" r:embed="rId7" cstate="email">
          <a:extLst>
            <a:ext uri="{28A0092B-C50C-407E-A947-70E740481C1C}">
              <a14:useLocalDpi xmlns:a14="http://schemas.microsoft.com/office/drawing/2010/main"/>
            </a:ext>
          </a:extLst>
        </a:blip>
        <a:srcRect/>
        <a:stretch>
          <a:fillRect/>
        </a:stretch>
      </xdr:blipFill>
      <xdr:spPr>
        <a:xfrm>
          <a:off x="10902950" y="517525"/>
          <a:ext cx="795824" cy="792088"/>
        </a:xfrm>
        <a:prstGeom prst="rect">
          <a:avLst/>
        </a:prstGeom>
        <a:noFill/>
        <a:ln w="9525">
          <a:noFill/>
          <a:miter lim="800000"/>
          <a:headEnd/>
          <a:tailEnd/>
        </a:ln>
      </xdr:spPr>
    </xdr:pic>
    <xdr:clientData/>
  </xdr:twoCellAnchor>
  <xdr:twoCellAnchor editAs="oneCell">
    <xdr:from>
      <xdr:col>0</xdr:col>
      <xdr:colOff>219074</xdr:colOff>
      <xdr:row>111</xdr:row>
      <xdr:rowOff>105897</xdr:rowOff>
    </xdr:from>
    <xdr:to>
      <xdr:col>0</xdr:col>
      <xdr:colOff>647699</xdr:colOff>
      <xdr:row>112</xdr:row>
      <xdr:rowOff>591669</xdr:rowOff>
    </xdr:to>
    <xdr:pic>
      <xdr:nvPicPr>
        <xdr:cNvPr id="10" name="图片 169">
          <a:extLst>
            <a:ext uri="{FF2B5EF4-FFF2-40B4-BE49-F238E27FC236}">
              <a16:creationId xmlns:a16="http://schemas.microsoft.com/office/drawing/2014/main" id="{44929E68-9923-42C0-B193-F4174495CD1E}"/>
            </a:ext>
          </a:extLst>
        </xdr:cNvPr>
        <xdr:cNvPicPr/>
      </xdr:nvPicPr>
      <xdr:blipFill>
        <a:blip xmlns:r="http://schemas.openxmlformats.org/officeDocument/2006/relationships" r:embed="rId8" cstate="email">
          <a:extLst>
            <a:ext uri="{28A0092B-C50C-407E-A947-70E740481C1C}">
              <a14:useLocalDpi xmlns:a14="http://schemas.microsoft.com/office/drawing/2010/main"/>
            </a:ext>
          </a:extLst>
        </a:blip>
        <a:srcRect/>
        <a:stretch>
          <a:fillRect/>
        </a:stretch>
      </xdr:blipFill>
      <xdr:spPr>
        <a:xfrm>
          <a:off x="219074" y="47191147"/>
          <a:ext cx="428625" cy="669922"/>
        </a:xfrm>
        <a:prstGeom prst="rect">
          <a:avLst/>
        </a:prstGeom>
        <a:noFill/>
        <a:ln w="9525">
          <a:noFill/>
          <a:miter lim="800000"/>
          <a:headEnd/>
          <a:tailEnd/>
        </a:ln>
      </xdr:spPr>
    </xdr:pic>
    <xdr:clientData/>
  </xdr:twoCellAnchor>
  <xdr:twoCellAnchor>
    <xdr:from>
      <xdr:col>12</xdr:col>
      <xdr:colOff>316918</xdr:colOff>
      <xdr:row>2</xdr:row>
      <xdr:rowOff>274544</xdr:rowOff>
    </xdr:from>
    <xdr:to>
      <xdr:col>12</xdr:col>
      <xdr:colOff>892982</xdr:colOff>
      <xdr:row>2</xdr:row>
      <xdr:rowOff>778600</xdr:rowOff>
    </xdr:to>
    <xdr:pic>
      <xdr:nvPicPr>
        <xdr:cNvPr id="11" name="图片 170">
          <a:extLst>
            <a:ext uri="{FF2B5EF4-FFF2-40B4-BE49-F238E27FC236}">
              <a16:creationId xmlns:a16="http://schemas.microsoft.com/office/drawing/2014/main" id="{80F712E6-DBE9-4CCB-A2B7-C7680287F2A8}"/>
            </a:ext>
          </a:extLst>
        </xdr:cNvPr>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a:xfrm>
          <a:off x="14312318" y="649194"/>
          <a:ext cx="576064" cy="504056"/>
        </a:xfrm>
        <a:prstGeom prst="rect">
          <a:avLst/>
        </a:prstGeom>
        <a:noFill/>
        <a:ln w="9525">
          <a:noFill/>
          <a:miter lim="800000"/>
          <a:headEnd/>
          <a:tailEnd/>
        </a:ln>
      </xdr:spPr>
    </xdr:pic>
    <xdr:clientData/>
  </xdr:twoCellAnchor>
  <xdr:oneCellAnchor>
    <xdr:from>
      <xdr:col>6</xdr:col>
      <xdr:colOff>246530</xdr:colOff>
      <xdr:row>117</xdr:row>
      <xdr:rowOff>25213</xdr:rowOff>
    </xdr:from>
    <xdr:ext cx="720080" cy="936104"/>
    <xdr:pic>
      <xdr:nvPicPr>
        <xdr:cNvPr id="12" name="图片 171">
          <a:extLst>
            <a:ext uri="{FF2B5EF4-FFF2-40B4-BE49-F238E27FC236}">
              <a16:creationId xmlns:a16="http://schemas.microsoft.com/office/drawing/2014/main" id="{22EC48C1-2CB2-4227-A1C9-5D4C05E0DDD6}"/>
            </a:ext>
          </a:extLst>
        </xdr:cNvPr>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a:off x="6958480" y="49148813"/>
          <a:ext cx="720080" cy="936104"/>
        </a:xfrm>
        <a:prstGeom prst="rect">
          <a:avLst/>
        </a:prstGeom>
        <a:noFill/>
        <a:ln w="9525">
          <a:noFill/>
          <a:miter lim="800000"/>
          <a:headEnd/>
          <a:tailEnd/>
        </a:ln>
      </xdr:spPr>
    </xdr:pic>
    <xdr:clientData/>
  </xdr:oneCellAnchor>
  <xdr:oneCellAnchor>
    <xdr:from>
      <xdr:col>7</xdr:col>
      <xdr:colOff>205067</xdr:colOff>
      <xdr:row>117</xdr:row>
      <xdr:rowOff>68356</xdr:rowOff>
    </xdr:from>
    <xdr:ext cx="720080" cy="815185"/>
    <xdr:pic>
      <xdr:nvPicPr>
        <xdr:cNvPr id="13" name="Picture 1">
          <a:extLst>
            <a:ext uri="{FF2B5EF4-FFF2-40B4-BE49-F238E27FC236}">
              <a16:creationId xmlns:a16="http://schemas.microsoft.com/office/drawing/2014/main" id="{F30A2E99-30FC-4046-9FC2-E1B279C171B0}"/>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8415617" y="49191956"/>
          <a:ext cx="720080" cy="815185"/>
        </a:xfrm>
        <a:prstGeom prst="rect">
          <a:avLst/>
        </a:prstGeom>
        <a:noFill/>
        <a:ln w="9525">
          <a:noFill/>
          <a:miter lim="800000"/>
          <a:headEnd/>
          <a:tailEnd/>
        </a:ln>
      </xdr:spPr>
    </xdr:pic>
    <xdr:clientData/>
  </xdr:oneCellAnchor>
  <xdr:oneCellAnchor>
    <xdr:from>
      <xdr:col>8</xdr:col>
      <xdr:colOff>224118</xdr:colOff>
      <xdr:row>117</xdr:row>
      <xdr:rowOff>47625</xdr:rowOff>
    </xdr:from>
    <xdr:ext cx="720080" cy="936104"/>
    <xdr:pic>
      <xdr:nvPicPr>
        <xdr:cNvPr id="14" name="图片 173">
          <a:extLst>
            <a:ext uri="{FF2B5EF4-FFF2-40B4-BE49-F238E27FC236}">
              <a16:creationId xmlns:a16="http://schemas.microsoft.com/office/drawing/2014/main" id="{3875234B-DEF0-4686-B836-D925A23FA009}"/>
            </a:ext>
          </a:extLst>
        </xdr:cNvPr>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a:off x="9761818" y="49171225"/>
          <a:ext cx="720080" cy="936104"/>
        </a:xfrm>
        <a:prstGeom prst="rect">
          <a:avLst/>
        </a:prstGeom>
        <a:noFill/>
        <a:ln w="9525">
          <a:noFill/>
          <a:miter lim="800000"/>
          <a:headEnd/>
          <a:tailEnd/>
        </a:ln>
      </xdr:spPr>
    </xdr:pic>
    <xdr:clientData/>
  </xdr:oneCellAnchor>
  <xdr:oneCellAnchor>
    <xdr:from>
      <xdr:col>9</xdr:col>
      <xdr:colOff>193862</xdr:colOff>
      <xdr:row>117</xdr:row>
      <xdr:rowOff>90767</xdr:rowOff>
    </xdr:from>
    <xdr:ext cx="720080" cy="815185"/>
    <xdr:pic>
      <xdr:nvPicPr>
        <xdr:cNvPr id="15" name="Picture 1">
          <a:extLst>
            <a:ext uri="{FF2B5EF4-FFF2-40B4-BE49-F238E27FC236}">
              <a16:creationId xmlns:a16="http://schemas.microsoft.com/office/drawing/2014/main" id="{E8BC0DBD-8372-454E-BBE3-6CC684995219}"/>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10811062" y="49214367"/>
          <a:ext cx="720080" cy="815185"/>
        </a:xfrm>
        <a:prstGeom prst="rect">
          <a:avLst/>
        </a:prstGeom>
        <a:noFill/>
        <a:ln w="9525">
          <a:noFill/>
          <a:miter lim="800000"/>
          <a:headEnd/>
          <a:tailEnd/>
        </a:ln>
      </xdr:spPr>
    </xdr:pic>
    <xdr:clientData/>
  </xdr:oneCellAnchor>
  <xdr:twoCellAnchor editAs="oneCell">
    <xdr:from>
      <xdr:col>0</xdr:col>
      <xdr:colOff>266700</xdr:colOff>
      <xdr:row>52</xdr:row>
      <xdr:rowOff>0</xdr:rowOff>
    </xdr:from>
    <xdr:to>
      <xdr:col>0</xdr:col>
      <xdr:colOff>804707</xdr:colOff>
      <xdr:row>54</xdr:row>
      <xdr:rowOff>119484</xdr:rowOff>
    </xdr:to>
    <xdr:pic>
      <xdr:nvPicPr>
        <xdr:cNvPr id="16" name="图片 175" descr="\\info-server\产品资料库\09-01-产品图片库\01-国内\01-摄像机\HIC8631DF_VIR\HIC8631DF_VIR.png">
          <a:extLst>
            <a:ext uri="{FF2B5EF4-FFF2-40B4-BE49-F238E27FC236}">
              <a16:creationId xmlns:a16="http://schemas.microsoft.com/office/drawing/2014/main" id="{9C61D705-11C5-4C5A-8D7E-A98E056375F5}"/>
            </a:ext>
          </a:extLst>
        </xdr:cNvPr>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266700" y="23431500"/>
          <a:ext cx="538007" cy="487784"/>
        </a:xfrm>
        <a:prstGeom prst="rect">
          <a:avLst/>
        </a:prstGeom>
        <a:noFill/>
        <a:ln>
          <a:noFill/>
        </a:ln>
      </xdr:spPr>
    </xdr:pic>
    <xdr:clientData/>
  </xdr:twoCellAnchor>
  <xdr:twoCellAnchor editAs="oneCell">
    <xdr:from>
      <xdr:col>6</xdr:col>
      <xdr:colOff>0</xdr:colOff>
      <xdr:row>43</xdr:row>
      <xdr:rowOff>0</xdr:rowOff>
    </xdr:from>
    <xdr:to>
      <xdr:col>6</xdr:col>
      <xdr:colOff>715865</xdr:colOff>
      <xdr:row>43</xdr:row>
      <xdr:rowOff>0</xdr:rowOff>
    </xdr:to>
    <xdr:pic>
      <xdr:nvPicPr>
        <xdr:cNvPr id="17" name="图片 176">
          <a:extLst>
            <a:ext uri="{FF2B5EF4-FFF2-40B4-BE49-F238E27FC236}">
              <a16:creationId xmlns:a16="http://schemas.microsoft.com/office/drawing/2014/main" id="{696E3048-C36C-4A5F-BE0E-EED68AD5DB63}"/>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a:ext>
          </a:extLst>
        </a:blip>
        <a:srcRect/>
        <a:stretch>
          <a:fillRect/>
        </a:stretch>
      </xdr:blipFill>
      <xdr:spPr>
        <a:xfrm>
          <a:off x="6711950" y="18675350"/>
          <a:ext cx="715865" cy="0"/>
        </a:xfrm>
        <a:prstGeom prst="rect">
          <a:avLst/>
        </a:prstGeom>
        <a:noFill/>
        <a:ln w="9525">
          <a:noFill/>
          <a:miter lim="800000"/>
          <a:headEnd/>
          <a:tailEnd/>
        </a:ln>
      </xdr:spPr>
    </xdr:pic>
    <xdr:clientData/>
  </xdr:twoCellAnchor>
  <xdr:twoCellAnchor editAs="oneCell">
    <xdr:from>
      <xdr:col>0</xdr:col>
      <xdr:colOff>100852</xdr:colOff>
      <xdr:row>44</xdr:row>
      <xdr:rowOff>78442</xdr:rowOff>
    </xdr:from>
    <xdr:to>
      <xdr:col>0</xdr:col>
      <xdr:colOff>873610</xdr:colOff>
      <xdr:row>45</xdr:row>
      <xdr:rowOff>112051</xdr:rowOff>
    </xdr:to>
    <xdr:pic>
      <xdr:nvPicPr>
        <xdr:cNvPr id="18" name="图片 177">
          <a:extLst>
            <a:ext uri="{FF2B5EF4-FFF2-40B4-BE49-F238E27FC236}">
              <a16:creationId xmlns:a16="http://schemas.microsoft.com/office/drawing/2014/main" id="{7DBFE7BC-5630-4BC6-A585-71DB6A33AA3D}"/>
            </a:ext>
          </a:extLst>
        </xdr:cNvPr>
        <xdr:cNvPicPr/>
      </xdr:nvPicPr>
      <xdr:blipFill>
        <a:blip xmlns:r="http://schemas.openxmlformats.org/officeDocument/2006/relationships" r:embed="rId14" cstate="email">
          <a:extLst>
            <a:ext uri="{28A0092B-C50C-407E-A947-70E740481C1C}">
              <a14:useLocalDpi xmlns:a14="http://schemas.microsoft.com/office/drawing/2010/main"/>
            </a:ext>
          </a:extLst>
        </a:blip>
        <a:srcRect/>
        <a:stretch>
          <a:fillRect/>
        </a:stretch>
      </xdr:blipFill>
      <xdr:spPr>
        <a:xfrm>
          <a:off x="100852" y="19591992"/>
          <a:ext cx="772758" cy="401909"/>
        </a:xfrm>
        <a:prstGeom prst="rect">
          <a:avLst/>
        </a:prstGeom>
        <a:ln>
          <a:noFill/>
        </a:ln>
      </xdr:spPr>
    </xdr:pic>
    <xdr:clientData/>
  </xdr:twoCellAnchor>
  <xdr:twoCellAnchor editAs="oneCell">
    <xdr:from>
      <xdr:col>2</xdr:col>
      <xdr:colOff>246530</xdr:colOff>
      <xdr:row>125</xdr:row>
      <xdr:rowOff>236444</xdr:rowOff>
    </xdr:from>
    <xdr:to>
      <xdr:col>2</xdr:col>
      <xdr:colOff>894602</xdr:colOff>
      <xdr:row>125</xdr:row>
      <xdr:rowOff>657015</xdr:rowOff>
    </xdr:to>
    <xdr:pic>
      <xdr:nvPicPr>
        <xdr:cNvPr id="19" name="Picture 2">
          <a:extLst>
            <a:ext uri="{FF2B5EF4-FFF2-40B4-BE49-F238E27FC236}">
              <a16:creationId xmlns:a16="http://schemas.microsoft.com/office/drawing/2014/main" id="{C88CE821-CDD0-449B-9B61-975660449759}"/>
            </a:ext>
          </a:extLst>
        </xdr:cNvPr>
        <xdr:cNvPicPr>
          <a:picLocks noChangeAspect="1" noChangeArrowheads="1"/>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a:xfrm>
          <a:off x="2138830" y="52763644"/>
          <a:ext cx="648072" cy="420571"/>
        </a:xfrm>
        <a:prstGeom prst="rect">
          <a:avLst/>
        </a:prstGeom>
        <a:noFill/>
      </xdr:spPr>
    </xdr:pic>
    <xdr:clientData/>
  </xdr:twoCellAnchor>
  <xdr:twoCellAnchor editAs="oneCell">
    <xdr:from>
      <xdr:col>5</xdr:col>
      <xdr:colOff>478491</xdr:colOff>
      <xdr:row>125</xdr:row>
      <xdr:rowOff>95250</xdr:rowOff>
    </xdr:from>
    <xdr:to>
      <xdr:col>5</xdr:col>
      <xdr:colOff>613255</xdr:colOff>
      <xdr:row>125</xdr:row>
      <xdr:rowOff>1104900</xdr:rowOff>
    </xdr:to>
    <xdr:pic>
      <xdr:nvPicPr>
        <xdr:cNvPr id="20" name="Picture 20">
          <a:extLst>
            <a:ext uri="{FF2B5EF4-FFF2-40B4-BE49-F238E27FC236}">
              <a16:creationId xmlns:a16="http://schemas.microsoft.com/office/drawing/2014/main" id="{8BDABF8B-A6FB-4297-8BE5-128BD0856749}"/>
            </a:ext>
          </a:extLst>
        </xdr:cNvPr>
        <xdr:cNvPicPr>
          <a:picLocks noChangeAspect="1" noChangeArrowheads="1"/>
        </xdr:cNvPicPr>
      </xdr:nvPicPr>
      <xdr:blipFill>
        <a:blip xmlns:r="http://schemas.openxmlformats.org/officeDocument/2006/relationships" r:embed="rId16" cstate="email">
          <a:extLst>
            <a:ext uri="{28A0092B-C50C-407E-A947-70E740481C1C}">
              <a14:useLocalDpi xmlns:a14="http://schemas.microsoft.com/office/drawing/2010/main"/>
            </a:ext>
          </a:extLst>
        </a:blip>
        <a:srcRect/>
        <a:stretch>
          <a:fillRect/>
        </a:stretch>
      </xdr:blipFill>
      <xdr:spPr>
        <a:xfrm>
          <a:off x="5958541" y="52622450"/>
          <a:ext cx="134764" cy="1009650"/>
        </a:xfrm>
        <a:prstGeom prst="rect">
          <a:avLst/>
        </a:prstGeom>
        <a:noFill/>
      </xdr:spPr>
    </xdr:pic>
    <xdr:clientData/>
  </xdr:twoCellAnchor>
  <xdr:oneCellAnchor>
    <xdr:from>
      <xdr:col>5</xdr:col>
      <xdr:colOff>280147</xdr:colOff>
      <xdr:row>133</xdr:row>
      <xdr:rowOff>47625</xdr:rowOff>
    </xdr:from>
    <xdr:ext cx="720080" cy="936104"/>
    <xdr:pic>
      <xdr:nvPicPr>
        <xdr:cNvPr id="21" name="图片 180">
          <a:extLst>
            <a:ext uri="{FF2B5EF4-FFF2-40B4-BE49-F238E27FC236}">
              <a16:creationId xmlns:a16="http://schemas.microsoft.com/office/drawing/2014/main" id="{FA5BF3B0-6CF4-4D57-80BD-68262F4C669A}"/>
            </a:ext>
          </a:extLst>
        </xdr:cNvPr>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a:off x="5760197" y="55813325"/>
          <a:ext cx="720080" cy="936104"/>
        </a:xfrm>
        <a:prstGeom prst="rect">
          <a:avLst/>
        </a:prstGeom>
        <a:noFill/>
        <a:ln w="9525">
          <a:noFill/>
          <a:miter lim="800000"/>
          <a:headEnd/>
          <a:tailEnd/>
        </a:ln>
      </xdr:spPr>
    </xdr:pic>
    <xdr:clientData/>
  </xdr:oneCellAnchor>
  <xdr:oneCellAnchor>
    <xdr:from>
      <xdr:col>6</xdr:col>
      <xdr:colOff>249892</xdr:colOff>
      <xdr:row>133</xdr:row>
      <xdr:rowOff>113180</xdr:rowOff>
    </xdr:from>
    <xdr:ext cx="720080" cy="815185"/>
    <xdr:pic>
      <xdr:nvPicPr>
        <xdr:cNvPr id="22" name="Picture 1">
          <a:extLst>
            <a:ext uri="{FF2B5EF4-FFF2-40B4-BE49-F238E27FC236}">
              <a16:creationId xmlns:a16="http://schemas.microsoft.com/office/drawing/2014/main" id="{64D29FD5-3E36-45B0-B69D-786DDF3DF721}"/>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6961842" y="55878880"/>
          <a:ext cx="720080" cy="815185"/>
        </a:xfrm>
        <a:prstGeom prst="rect">
          <a:avLst/>
        </a:prstGeom>
        <a:noFill/>
        <a:ln w="9525">
          <a:noFill/>
          <a:miter lim="800000"/>
          <a:headEnd/>
          <a:tailEnd/>
        </a:ln>
      </xdr:spPr>
    </xdr:pic>
    <xdr:clientData/>
  </xdr:oneCellAnchor>
  <xdr:oneCellAnchor>
    <xdr:from>
      <xdr:col>7</xdr:col>
      <xdr:colOff>246529</xdr:colOff>
      <xdr:row>133</xdr:row>
      <xdr:rowOff>47625</xdr:rowOff>
    </xdr:from>
    <xdr:ext cx="720080" cy="936104"/>
    <xdr:pic>
      <xdr:nvPicPr>
        <xdr:cNvPr id="23" name="图片 182">
          <a:extLst>
            <a:ext uri="{FF2B5EF4-FFF2-40B4-BE49-F238E27FC236}">
              <a16:creationId xmlns:a16="http://schemas.microsoft.com/office/drawing/2014/main" id="{A78B4EF9-CF78-4867-B6F9-B1902DFC8926}"/>
            </a:ext>
          </a:extLst>
        </xdr:cNvPr>
        <xdr:cNvPicPr/>
      </xdr:nvPicPr>
      <xdr:blipFill>
        <a:blip xmlns:r="http://schemas.openxmlformats.org/officeDocument/2006/relationships" r:embed="rId10" cstate="email">
          <a:extLst>
            <a:ext uri="{28A0092B-C50C-407E-A947-70E740481C1C}">
              <a14:useLocalDpi xmlns:a14="http://schemas.microsoft.com/office/drawing/2010/main"/>
            </a:ext>
          </a:extLst>
        </a:blip>
        <a:srcRect/>
        <a:stretch>
          <a:fillRect/>
        </a:stretch>
      </xdr:blipFill>
      <xdr:spPr>
        <a:xfrm>
          <a:off x="8457079" y="55813325"/>
          <a:ext cx="720080" cy="936104"/>
        </a:xfrm>
        <a:prstGeom prst="rect">
          <a:avLst/>
        </a:prstGeom>
        <a:noFill/>
        <a:ln w="9525">
          <a:noFill/>
          <a:miter lim="800000"/>
          <a:headEnd/>
          <a:tailEnd/>
        </a:ln>
      </xdr:spPr>
    </xdr:pic>
    <xdr:clientData/>
  </xdr:oneCellAnchor>
  <xdr:oneCellAnchor>
    <xdr:from>
      <xdr:col>8</xdr:col>
      <xdr:colOff>182656</xdr:colOff>
      <xdr:row>133</xdr:row>
      <xdr:rowOff>113179</xdr:rowOff>
    </xdr:from>
    <xdr:ext cx="720080" cy="815185"/>
    <xdr:pic>
      <xdr:nvPicPr>
        <xdr:cNvPr id="24" name="Picture 1">
          <a:extLst>
            <a:ext uri="{FF2B5EF4-FFF2-40B4-BE49-F238E27FC236}">
              <a16:creationId xmlns:a16="http://schemas.microsoft.com/office/drawing/2014/main" id="{02AE1F81-7900-4A3F-A771-B17D04B158DA}"/>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a:xfrm>
          <a:off x="9720356" y="55878879"/>
          <a:ext cx="720080" cy="815185"/>
        </a:xfrm>
        <a:prstGeom prst="rect">
          <a:avLst/>
        </a:prstGeom>
        <a:noFill/>
        <a:ln w="9525">
          <a:noFill/>
          <a:miter lim="800000"/>
          <a:headEnd/>
          <a:tailEnd/>
        </a:ln>
      </xdr:spPr>
    </xdr:pic>
    <xdr:clientData/>
  </xdr:oneCellAnchor>
  <xdr:twoCellAnchor editAs="oneCell">
    <xdr:from>
      <xdr:col>0</xdr:col>
      <xdr:colOff>257735</xdr:colOff>
      <xdr:row>129</xdr:row>
      <xdr:rowOff>228600</xdr:rowOff>
    </xdr:from>
    <xdr:to>
      <xdr:col>0</xdr:col>
      <xdr:colOff>689783</xdr:colOff>
      <xdr:row>132</xdr:row>
      <xdr:rowOff>174154</xdr:rowOff>
    </xdr:to>
    <xdr:pic>
      <xdr:nvPicPr>
        <xdr:cNvPr id="25" name="图片 184" descr="\\info-server\产品资料库\09-01-产品图片库\01-国内\01-摄像机\HIC6821-HX22IR\png\HIC6821-HX22IR_F.png">
          <a:extLst>
            <a:ext uri="{FF2B5EF4-FFF2-40B4-BE49-F238E27FC236}">
              <a16:creationId xmlns:a16="http://schemas.microsoft.com/office/drawing/2014/main" id="{FAB48659-2A17-486B-B10A-A344E174D705}"/>
            </a:ext>
          </a:extLst>
        </xdr:cNvPr>
        <xdr:cNvPicPr/>
      </xdr:nvPicPr>
      <xdr:blipFill>
        <a:blip xmlns:r="http://schemas.openxmlformats.org/officeDocument/2006/relationships" r:embed="rId17" cstate="email">
          <a:extLst>
            <a:ext uri="{28A0092B-C50C-407E-A947-70E740481C1C}">
              <a14:useLocalDpi xmlns:a14="http://schemas.microsoft.com/office/drawing/2010/main"/>
            </a:ext>
          </a:extLst>
        </a:blip>
        <a:srcRect/>
        <a:stretch>
          <a:fillRect/>
        </a:stretch>
      </xdr:blipFill>
      <xdr:spPr>
        <a:xfrm>
          <a:off x="257735" y="55060850"/>
          <a:ext cx="432048" cy="688504"/>
        </a:xfrm>
        <a:prstGeom prst="rect">
          <a:avLst/>
        </a:prstGeom>
        <a:noFill/>
        <a:ln>
          <a:noFill/>
        </a:ln>
      </xdr:spPr>
    </xdr:pic>
    <xdr:clientData/>
  </xdr:twoCellAnchor>
  <xdr:oneCellAnchor>
    <xdr:from>
      <xdr:col>4</xdr:col>
      <xdr:colOff>571500</xdr:colOff>
      <xdr:row>19</xdr:row>
      <xdr:rowOff>222885</xdr:rowOff>
    </xdr:from>
    <xdr:ext cx="350520" cy="448310"/>
    <xdr:pic>
      <xdr:nvPicPr>
        <xdr:cNvPr id="26" name="图片 185" descr="134345546">
          <a:extLst>
            <a:ext uri="{FF2B5EF4-FFF2-40B4-BE49-F238E27FC236}">
              <a16:creationId xmlns:a16="http://schemas.microsoft.com/office/drawing/2014/main" id="{3DAE343D-10B4-47B5-9E00-708C7E7A2EDC}"/>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4889500" y="7665085"/>
          <a:ext cx="350520" cy="448310"/>
        </a:xfrm>
        <a:prstGeom prst="rect">
          <a:avLst/>
        </a:prstGeom>
      </xdr:spPr>
    </xdr:pic>
    <xdr:clientData/>
  </xdr:oneCellAnchor>
  <xdr:oneCellAnchor>
    <xdr:from>
      <xdr:col>5</xdr:col>
      <xdr:colOff>437030</xdr:colOff>
      <xdr:row>35</xdr:row>
      <xdr:rowOff>257737</xdr:rowOff>
    </xdr:from>
    <xdr:ext cx="350520" cy="448310"/>
    <xdr:pic>
      <xdr:nvPicPr>
        <xdr:cNvPr id="27" name="图片 186" descr="134345546">
          <a:extLst>
            <a:ext uri="{FF2B5EF4-FFF2-40B4-BE49-F238E27FC236}">
              <a16:creationId xmlns:a16="http://schemas.microsoft.com/office/drawing/2014/main" id="{8749684D-A539-4DFC-A516-C444A464FE6A}"/>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5917080" y="15256437"/>
          <a:ext cx="350520" cy="448310"/>
        </a:xfrm>
        <a:prstGeom prst="rect">
          <a:avLst/>
        </a:prstGeom>
      </xdr:spPr>
    </xdr:pic>
    <xdr:clientData/>
  </xdr:oneCellAnchor>
  <xdr:oneCellAnchor>
    <xdr:from>
      <xdr:col>5</xdr:col>
      <xdr:colOff>414618</xdr:colOff>
      <xdr:row>68</xdr:row>
      <xdr:rowOff>324972</xdr:rowOff>
    </xdr:from>
    <xdr:ext cx="350520" cy="448310"/>
    <xdr:pic>
      <xdr:nvPicPr>
        <xdr:cNvPr id="28" name="图片 187" descr="134345546">
          <a:extLst>
            <a:ext uri="{FF2B5EF4-FFF2-40B4-BE49-F238E27FC236}">
              <a16:creationId xmlns:a16="http://schemas.microsoft.com/office/drawing/2014/main" id="{533A3A47-013B-459F-90EB-A3EF87D44624}"/>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5894668" y="30284272"/>
          <a:ext cx="350520" cy="448310"/>
        </a:xfrm>
        <a:prstGeom prst="rect">
          <a:avLst/>
        </a:prstGeom>
      </xdr:spPr>
    </xdr:pic>
    <xdr:clientData/>
  </xdr:oneCellAnchor>
  <xdr:oneCellAnchor>
    <xdr:from>
      <xdr:col>4</xdr:col>
      <xdr:colOff>414617</xdr:colOff>
      <xdr:row>43</xdr:row>
      <xdr:rowOff>67236</xdr:rowOff>
    </xdr:from>
    <xdr:ext cx="350520" cy="448310"/>
    <xdr:pic>
      <xdr:nvPicPr>
        <xdr:cNvPr id="29" name="图片 188" descr="134345546">
          <a:extLst>
            <a:ext uri="{FF2B5EF4-FFF2-40B4-BE49-F238E27FC236}">
              <a16:creationId xmlns:a16="http://schemas.microsoft.com/office/drawing/2014/main" id="{5F5EDF00-CAFF-4722-9C00-D613B96722AE}"/>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4732617" y="18742586"/>
          <a:ext cx="350520" cy="448310"/>
        </a:xfrm>
        <a:prstGeom prst="rect">
          <a:avLst/>
        </a:prstGeom>
      </xdr:spPr>
    </xdr:pic>
    <xdr:clientData/>
  </xdr:oneCellAnchor>
  <xdr:oneCellAnchor>
    <xdr:from>
      <xdr:col>3</xdr:col>
      <xdr:colOff>481965</xdr:colOff>
      <xdr:row>51</xdr:row>
      <xdr:rowOff>256540</xdr:rowOff>
    </xdr:from>
    <xdr:ext cx="350520" cy="448310"/>
    <xdr:pic>
      <xdr:nvPicPr>
        <xdr:cNvPr id="30" name="图片 189" descr="134345546">
          <a:extLst>
            <a:ext uri="{FF2B5EF4-FFF2-40B4-BE49-F238E27FC236}">
              <a16:creationId xmlns:a16="http://schemas.microsoft.com/office/drawing/2014/main" id="{0965BFE3-A15D-4642-835B-E9333145074A}"/>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3587115" y="22545040"/>
          <a:ext cx="350520" cy="448310"/>
        </a:xfrm>
        <a:prstGeom prst="rect">
          <a:avLst/>
        </a:prstGeom>
      </xdr:spPr>
    </xdr:pic>
    <xdr:clientData/>
  </xdr:oneCellAnchor>
  <xdr:oneCellAnchor>
    <xdr:from>
      <xdr:col>4</xdr:col>
      <xdr:colOff>414618</xdr:colOff>
      <xdr:row>91</xdr:row>
      <xdr:rowOff>324972</xdr:rowOff>
    </xdr:from>
    <xdr:ext cx="350520" cy="448310"/>
    <xdr:pic>
      <xdr:nvPicPr>
        <xdr:cNvPr id="31" name="图片 190" descr="134345546">
          <a:extLst>
            <a:ext uri="{FF2B5EF4-FFF2-40B4-BE49-F238E27FC236}">
              <a16:creationId xmlns:a16="http://schemas.microsoft.com/office/drawing/2014/main" id="{2A0BC2FB-B635-4D89-A299-5EABAC7B2112}"/>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4732618" y="39371122"/>
          <a:ext cx="350520" cy="448310"/>
        </a:xfrm>
        <a:prstGeom prst="rect">
          <a:avLst/>
        </a:prstGeom>
      </xdr:spPr>
    </xdr:pic>
    <xdr:clientData/>
  </xdr:oneCellAnchor>
  <xdr:oneCellAnchor>
    <xdr:from>
      <xdr:col>5</xdr:col>
      <xdr:colOff>0</xdr:colOff>
      <xdr:row>35</xdr:row>
      <xdr:rowOff>238125</xdr:rowOff>
    </xdr:from>
    <xdr:ext cx="713943" cy="0"/>
    <xdr:pic>
      <xdr:nvPicPr>
        <xdr:cNvPr id="32" name="图片 191">
          <a:extLst>
            <a:ext uri="{FF2B5EF4-FFF2-40B4-BE49-F238E27FC236}">
              <a16:creationId xmlns:a16="http://schemas.microsoft.com/office/drawing/2014/main" id="{B5FDF56A-C1C2-4EE4-9234-7F2B5D7269D2}"/>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a:ext>
          </a:extLst>
        </a:blip>
        <a:srcRect/>
        <a:stretch>
          <a:fillRect/>
        </a:stretch>
      </xdr:blipFill>
      <xdr:spPr>
        <a:xfrm>
          <a:off x="5480050" y="15236825"/>
          <a:ext cx="713943" cy="0"/>
        </a:xfrm>
        <a:prstGeom prst="rect">
          <a:avLst/>
        </a:prstGeom>
        <a:noFill/>
        <a:ln w="9525">
          <a:noFill/>
          <a:miter lim="800000"/>
          <a:headEnd/>
          <a:tailEnd/>
        </a:ln>
      </xdr:spPr>
    </xdr:pic>
    <xdr:clientData/>
  </xdr:oneCellAnchor>
  <xdr:twoCellAnchor editAs="oneCell">
    <xdr:from>
      <xdr:col>0</xdr:col>
      <xdr:colOff>266700</xdr:colOff>
      <xdr:row>60</xdr:row>
      <xdr:rowOff>0</xdr:rowOff>
    </xdr:from>
    <xdr:to>
      <xdr:col>0</xdr:col>
      <xdr:colOff>804707</xdr:colOff>
      <xdr:row>62</xdr:row>
      <xdr:rowOff>119484</xdr:rowOff>
    </xdr:to>
    <xdr:pic>
      <xdr:nvPicPr>
        <xdr:cNvPr id="33" name="图片 192" descr="\\info-server\产品资料库\09-01-产品图片库\01-国内\01-摄像机\HIC8631DF_VIR\HIC8631DF_VIR.png">
          <a:extLst>
            <a:ext uri="{FF2B5EF4-FFF2-40B4-BE49-F238E27FC236}">
              <a16:creationId xmlns:a16="http://schemas.microsoft.com/office/drawing/2014/main" id="{52B43E01-AC6A-4F54-BC17-853408803B4C}"/>
            </a:ext>
          </a:extLst>
        </xdr:cNvPr>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a:xfrm>
          <a:off x="266700" y="27184350"/>
          <a:ext cx="538007" cy="487784"/>
        </a:xfrm>
        <a:prstGeom prst="rect">
          <a:avLst/>
        </a:prstGeom>
        <a:noFill/>
        <a:ln>
          <a:noFill/>
        </a:ln>
      </xdr:spPr>
    </xdr:pic>
    <xdr:clientData/>
  </xdr:twoCellAnchor>
  <xdr:oneCellAnchor>
    <xdr:from>
      <xdr:col>3</xdr:col>
      <xdr:colOff>514985</xdr:colOff>
      <xdr:row>59</xdr:row>
      <xdr:rowOff>267970</xdr:rowOff>
    </xdr:from>
    <xdr:ext cx="350520" cy="448310"/>
    <xdr:pic>
      <xdr:nvPicPr>
        <xdr:cNvPr id="34" name="图片 193" descr="134345546">
          <a:extLst>
            <a:ext uri="{FF2B5EF4-FFF2-40B4-BE49-F238E27FC236}">
              <a16:creationId xmlns:a16="http://schemas.microsoft.com/office/drawing/2014/main" id="{8AD743F8-8C24-4AB2-91A6-584676CA617C}"/>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3620135" y="26290270"/>
          <a:ext cx="350520" cy="448310"/>
        </a:xfrm>
        <a:prstGeom prst="rect">
          <a:avLst/>
        </a:prstGeom>
      </xdr:spPr>
    </xdr:pic>
    <xdr:clientData/>
  </xdr:oneCellAnchor>
  <xdr:oneCellAnchor>
    <xdr:from>
      <xdr:col>2</xdr:col>
      <xdr:colOff>361950</xdr:colOff>
      <xdr:row>59</xdr:row>
      <xdr:rowOff>238125</xdr:rowOff>
    </xdr:from>
    <xdr:ext cx="713943" cy="0"/>
    <xdr:pic>
      <xdr:nvPicPr>
        <xdr:cNvPr id="35" name="图片 194">
          <a:extLst>
            <a:ext uri="{FF2B5EF4-FFF2-40B4-BE49-F238E27FC236}">
              <a16:creationId xmlns:a16="http://schemas.microsoft.com/office/drawing/2014/main" id="{EF3C7ACA-2F1D-4C2F-AF64-919BEA2F26D5}"/>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a:ext>
          </a:extLst>
        </a:blip>
        <a:srcRect/>
        <a:stretch>
          <a:fillRect/>
        </a:stretch>
      </xdr:blipFill>
      <xdr:spPr>
        <a:xfrm>
          <a:off x="2254250" y="26260425"/>
          <a:ext cx="713943" cy="0"/>
        </a:xfrm>
        <a:prstGeom prst="rect">
          <a:avLst/>
        </a:prstGeom>
        <a:noFill/>
        <a:ln w="9525">
          <a:noFill/>
          <a:miter lim="800000"/>
          <a:headEnd/>
          <a:tailEnd/>
        </a:ln>
      </xdr:spPr>
    </xdr:pic>
    <xdr:clientData/>
  </xdr:oneCellAnchor>
  <xdr:twoCellAnchor>
    <xdr:from>
      <xdr:col>0</xdr:col>
      <xdr:colOff>196664</xdr:colOff>
      <xdr:row>109</xdr:row>
      <xdr:rowOff>299220</xdr:rowOff>
    </xdr:from>
    <xdr:to>
      <xdr:col>0</xdr:col>
      <xdr:colOff>672353</xdr:colOff>
      <xdr:row>110</xdr:row>
      <xdr:rowOff>25212</xdr:rowOff>
    </xdr:to>
    <xdr:pic>
      <xdr:nvPicPr>
        <xdr:cNvPr id="36" name="图片 195" descr="\\info-server\产品资料库\09-01-产品图片库\01-国内\01-摄像机\UNIVIEW HIC6622HX22-5CIR\png-用于胶片或网站\HIC6622HX22-5CIR_F.png">
          <a:extLst>
            <a:ext uri="{FF2B5EF4-FFF2-40B4-BE49-F238E27FC236}">
              <a16:creationId xmlns:a16="http://schemas.microsoft.com/office/drawing/2014/main" id="{2D650887-A503-4740-A3C4-C1FF95D92899}"/>
            </a:ext>
          </a:extLst>
        </xdr:cNvPr>
        <xdr:cNvPicPr>
          <a:picLocks noChangeAspect="1"/>
        </xdr:cNvPicPr>
      </xdr:nvPicPr>
      <xdr:blipFill>
        <a:blip xmlns:r="http://schemas.openxmlformats.org/officeDocument/2006/relationships" r:embed="rId19" cstate="email">
          <a:extLst>
            <a:ext uri="{28A0092B-C50C-407E-A947-70E740481C1C}">
              <a14:useLocalDpi xmlns:a14="http://schemas.microsoft.com/office/drawing/2010/main"/>
            </a:ext>
          </a:extLst>
        </a:blip>
        <a:srcRect/>
        <a:stretch>
          <a:fillRect/>
        </a:stretch>
      </xdr:blipFill>
      <xdr:spPr>
        <a:xfrm>
          <a:off x="196664" y="46076370"/>
          <a:ext cx="475689" cy="849942"/>
        </a:xfrm>
        <a:prstGeom prst="rect">
          <a:avLst/>
        </a:prstGeom>
        <a:noFill/>
        <a:ln w="9525">
          <a:noFill/>
          <a:miter lim="800000"/>
          <a:headEnd/>
          <a:tailEnd/>
        </a:ln>
      </xdr:spPr>
    </xdr:pic>
    <xdr:clientData/>
  </xdr:twoCellAnchor>
  <xdr:twoCellAnchor editAs="oneCell">
    <xdr:from>
      <xdr:col>0</xdr:col>
      <xdr:colOff>196850</xdr:colOff>
      <xdr:row>38</xdr:row>
      <xdr:rowOff>34925</xdr:rowOff>
    </xdr:from>
    <xdr:to>
      <xdr:col>0</xdr:col>
      <xdr:colOff>756341</xdr:colOff>
      <xdr:row>38</xdr:row>
      <xdr:rowOff>623057</xdr:rowOff>
    </xdr:to>
    <xdr:pic>
      <xdr:nvPicPr>
        <xdr:cNvPr id="37" name="Picture 2">
          <a:extLst>
            <a:ext uri="{FF2B5EF4-FFF2-40B4-BE49-F238E27FC236}">
              <a16:creationId xmlns:a16="http://schemas.microsoft.com/office/drawing/2014/main" id="{BCFAF96B-550F-4630-9BD8-C28368AE7A60}"/>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a:ext>
          </a:extLst>
        </a:blip>
        <a:srcRect/>
        <a:stretch>
          <a:fillRect/>
        </a:stretch>
      </xdr:blipFill>
      <xdr:spPr>
        <a:xfrm>
          <a:off x="196850" y="16487775"/>
          <a:ext cx="559491" cy="5881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editAs="oneCell">
    <xdr:from>
      <xdr:col>2</xdr:col>
      <xdr:colOff>251010</xdr:colOff>
      <xdr:row>43</xdr:row>
      <xdr:rowOff>43879</xdr:rowOff>
    </xdr:from>
    <xdr:to>
      <xdr:col>2</xdr:col>
      <xdr:colOff>1021977</xdr:colOff>
      <xdr:row>43</xdr:row>
      <xdr:rowOff>591671</xdr:rowOff>
    </xdr:to>
    <xdr:pic>
      <xdr:nvPicPr>
        <xdr:cNvPr id="38" name="图片 197">
          <a:extLst>
            <a:ext uri="{FF2B5EF4-FFF2-40B4-BE49-F238E27FC236}">
              <a16:creationId xmlns:a16="http://schemas.microsoft.com/office/drawing/2014/main" id="{21AA5583-4EDF-4E1D-BDCB-F27B72AD14AC}"/>
            </a:ext>
          </a:extLst>
        </xdr:cNvPr>
        <xdr:cNvPicPr>
          <a:picLocks noChangeAspect="1"/>
        </xdr:cNvPicPr>
      </xdr:nvPicPr>
      <xdr:blipFill>
        <a:blip xmlns:r="http://schemas.openxmlformats.org/officeDocument/2006/relationships" r:embed="rId21" cstate="email">
          <a:extLst>
            <a:ext uri="{28A0092B-C50C-407E-A947-70E740481C1C}">
              <a14:useLocalDpi xmlns:a14="http://schemas.microsoft.com/office/drawing/2010/main"/>
            </a:ext>
          </a:extLst>
        </a:blip>
        <a:srcRect/>
        <a:stretch>
          <a:fillRect/>
        </a:stretch>
      </xdr:blipFill>
      <xdr:spPr>
        <a:xfrm>
          <a:off x="2143310" y="18719229"/>
          <a:ext cx="770967" cy="547792"/>
        </a:xfrm>
        <a:prstGeom prst="rect">
          <a:avLst/>
        </a:prstGeom>
      </xdr:spPr>
    </xdr:pic>
    <xdr:clientData/>
  </xdr:twoCellAnchor>
  <xdr:twoCellAnchor editAs="oneCell">
    <xdr:from>
      <xdr:col>7</xdr:col>
      <xdr:colOff>137671</xdr:colOff>
      <xdr:row>2</xdr:row>
      <xdr:rowOff>292153</xdr:rowOff>
    </xdr:from>
    <xdr:to>
      <xdr:col>7</xdr:col>
      <xdr:colOff>1248652</xdr:colOff>
      <xdr:row>2</xdr:row>
      <xdr:rowOff>713560</xdr:rowOff>
    </xdr:to>
    <xdr:pic>
      <xdr:nvPicPr>
        <xdr:cNvPr id="39" name="Picture 2">
          <a:extLst>
            <a:ext uri="{FF2B5EF4-FFF2-40B4-BE49-F238E27FC236}">
              <a16:creationId xmlns:a16="http://schemas.microsoft.com/office/drawing/2014/main" id="{EE5E95C6-18A3-4AC0-937A-DAD05392EEF1}"/>
            </a:ext>
          </a:extLst>
        </xdr:cNvPr>
        <xdr:cNvPicPr>
          <a:picLocks noChangeAspect="1" noChangeArrowheads="1"/>
        </xdr:cNvPicPr>
      </xdr:nvPicPr>
      <xdr:blipFill>
        <a:blip xmlns:r="http://schemas.openxmlformats.org/officeDocument/2006/relationships" r:embed="rId22" cstate="email">
          <a:extLst>
            <a:ext uri="{28A0092B-C50C-407E-A947-70E740481C1C}">
              <a14:useLocalDpi xmlns:a14="http://schemas.microsoft.com/office/drawing/2010/main"/>
            </a:ext>
          </a:extLst>
        </a:blip>
        <a:srcRect/>
        <a:stretch>
          <a:fillRect/>
        </a:stretch>
      </xdr:blipFill>
      <xdr:spPr>
        <a:xfrm>
          <a:off x="8348221" y="666803"/>
          <a:ext cx="1110981" cy="4214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xdr:from>
      <xdr:col>3</xdr:col>
      <xdr:colOff>168089</xdr:colOff>
      <xdr:row>42</xdr:row>
      <xdr:rowOff>179294</xdr:rowOff>
    </xdr:from>
    <xdr:to>
      <xdr:col>3</xdr:col>
      <xdr:colOff>1180061</xdr:colOff>
      <xdr:row>44</xdr:row>
      <xdr:rowOff>44824</xdr:rowOff>
    </xdr:to>
    <xdr:pic>
      <xdr:nvPicPr>
        <xdr:cNvPr id="40" name="图片 7" descr="F:\temp\IMG_7907.gifIMG_7907">
          <a:extLst>
            <a:ext uri="{FF2B5EF4-FFF2-40B4-BE49-F238E27FC236}">
              <a16:creationId xmlns:a16="http://schemas.microsoft.com/office/drawing/2014/main" id="{BE79808C-FB7E-42EA-A04E-2598096303B5}"/>
            </a:ext>
          </a:extLst>
        </xdr:cNvPr>
        <xdr:cNvPicPr>
          <a:picLocks noChangeAspect="1" noChangeArrowheads="1"/>
        </xdr:cNvPicPr>
      </xdr:nvPicPr>
      <xdr:blipFill>
        <a:blip xmlns:r="http://schemas.openxmlformats.org/officeDocument/2006/relationships" r:embed="rId23" cstate="email">
          <a:extLst>
            <a:ext uri="{28A0092B-C50C-407E-A947-70E740481C1C}">
              <a14:useLocalDpi xmlns:a14="http://schemas.microsoft.com/office/drawing/2010/main"/>
            </a:ext>
          </a:extLst>
        </a:blip>
        <a:srcRect/>
        <a:stretch>
          <a:fillRect/>
        </a:stretch>
      </xdr:blipFill>
      <xdr:spPr>
        <a:xfrm>
          <a:off x="3273239" y="18664144"/>
          <a:ext cx="1011972" cy="894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201706</xdr:colOff>
      <xdr:row>141</xdr:row>
      <xdr:rowOff>78441</xdr:rowOff>
    </xdr:from>
    <xdr:to>
      <xdr:col>2</xdr:col>
      <xdr:colOff>1275610</xdr:colOff>
      <xdr:row>141</xdr:row>
      <xdr:rowOff>840441</xdr:rowOff>
    </xdr:to>
    <xdr:pic>
      <xdr:nvPicPr>
        <xdr:cNvPr id="41" name="图片 200" descr="TR-UF45-H-IN-F">
          <a:extLst>
            <a:ext uri="{FF2B5EF4-FFF2-40B4-BE49-F238E27FC236}">
              <a16:creationId xmlns:a16="http://schemas.microsoft.com/office/drawing/2014/main" id="{AE4CA8F5-74B7-45F0-9FFF-3DAAE49D92AE}"/>
            </a:ext>
          </a:extLst>
        </xdr:cNvPr>
        <xdr:cNvPicPr>
          <a:picLocks noChangeAspect="1" noChangeArrowheads="1"/>
        </xdr:cNvPicPr>
      </xdr:nvPicPr>
      <xdr:blipFill>
        <a:blip xmlns:r="http://schemas.openxmlformats.org/officeDocument/2006/relationships" r:embed="rId24" cstate="email">
          <a:extLst>
            <a:ext uri="{28A0092B-C50C-407E-A947-70E740481C1C}">
              <a14:useLocalDpi xmlns:a14="http://schemas.microsoft.com/office/drawing/2010/main"/>
            </a:ext>
          </a:extLst>
        </a:blip>
        <a:srcRect/>
        <a:stretch>
          <a:fillRect/>
        </a:stretch>
      </xdr:blipFill>
      <xdr:spPr>
        <a:xfrm>
          <a:off x="2094006" y="58987391"/>
          <a:ext cx="1010404" cy="76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xdr:col>
      <xdr:colOff>96371</xdr:colOff>
      <xdr:row>35</xdr:row>
      <xdr:rowOff>286870</xdr:rowOff>
    </xdr:from>
    <xdr:to>
      <xdr:col>3</xdr:col>
      <xdr:colOff>1028875</xdr:colOff>
      <xdr:row>35</xdr:row>
      <xdr:rowOff>790926</xdr:rowOff>
    </xdr:to>
    <xdr:pic>
      <xdr:nvPicPr>
        <xdr:cNvPr id="42" name="图片 201" descr="C:\Users\y00481\Desktop\图片文档\TR-JB07 WM04-IN 4寸半球壁装组合支架.png">
          <a:extLst>
            <a:ext uri="{FF2B5EF4-FFF2-40B4-BE49-F238E27FC236}">
              <a16:creationId xmlns:a16="http://schemas.microsoft.com/office/drawing/2014/main" id="{0884C4EE-A4BA-496B-9B9B-BAC3550F3C89}"/>
            </a:ext>
          </a:extLst>
        </xdr:cNvPr>
        <xdr:cNvPicPr>
          <a:picLocks noChangeAspect="1"/>
        </xdr:cNvPicPr>
      </xdr:nvPicPr>
      <xdr:blipFill>
        <a:blip xmlns:r="http://schemas.openxmlformats.org/officeDocument/2006/relationships" r:embed="rId25" cstate="email">
          <a:extLst>
            <a:ext uri="{28A0092B-C50C-407E-A947-70E740481C1C}">
              <a14:useLocalDpi xmlns:a14="http://schemas.microsoft.com/office/drawing/2010/main"/>
            </a:ext>
          </a:extLst>
        </a:blip>
        <a:srcRect/>
        <a:stretch>
          <a:fillRect/>
        </a:stretch>
      </xdr:blipFill>
      <xdr:spPr>
        <a:xfrm>
          <a:off x="3201521" y="15285570"/>
          <a:ext cx="932504" cy="504056"/>
        </a:xfrm>
        <a:prstGeom prst="rect">
          <a:avLst/>
        </a:prstGeom>
        <a:noFill/>
        <a:ln w="9525">
          <a:noFill/>
          <a:miter lim="800000"/>
          <a:headEnd/>
          <a:tailEnd/>
        </a:ln>
      </xdr:spPr>
    </xdr:pic>
    <xdr:clientData/>
  </xdr:twoCellAnchor>
  <xdr:oneCellAnchor>
    <xdr:from>
      <xdr:col>2</xdr:col>
      <xdr:colOff>361950</xdr:colOff>
      <xdr:row>27</xdr:row>
      <xdr:rowOff>238125</xdr:rowOff>
    </xdr:from>
    <xdr:ext cx="713943" cy="0"/>
    <xdr:pic>
      <xdr:nvPicPr>
        <xdr:cNvPr id="43" name="图片 202">
          <a:extLst>
            <a:ext uri="{FF2B5EF4-FFF2-40B4-BE49-F238E27FC236}">
              <a16:creationId xmlns:a16="http://schemas.microsoft.com/office/drawing/2014/main" id="{630A8805-C732-490F-A45A-CC70511A628F}"/>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a:ext>
          </a:extLst>
        </a:blip>
        <a:srcRect/>
        <a:stretch>
          <a:fillRect/>
        </a:stretch>
      </xdr:blipFill>
      <xdr:spPr>
        <a:xfrm>
          <a:off x="2254250" y="11376025"/>
          <a:ext cx="713943" cy="0"/>
        </a:xfrm>
        <a:prstGeom prst="rect">
          <a:avLst/>
        </a:prstGeom>
        <a:noFill/>
        <a:ln w="9525">
          <a:noFill/>
          <a:miter lim="800000"/>
          <a:headEnd/>
          <a:tailEnd/>
        </a:ln>
      </xdr:spPr>
    </xdr:pic>
    <xdr:clientData/>
  </xdr:oneCellAnchor>
  <xdr:twoCellAnchor editAs="oneCell">
    <xdr:from>
      <xdr:col>2</xdr:col>
      <xdr:colOff>112058</xdr:colOff>
      <xdr:row>27</xdr:row>
      <xdr:rowOff>190499</xdr:rowOff>
    </xdr:from>
    <xdr:to>
      <xdr:col>2</xdr:col>
      <xdr:colOff>1071380</xdr:colOff>
      <xdr:row>27</xdr:row>
      <xdr:rowOff>806823</xdr:rowOff>
    </xdr:to>
    <xdr:pic>
      <xdr:nvPicPr>
        <xdr:cNvPr id="44" name="Picture 2">
          <a:extLst>
            <a:ext uri="{FF2B5EF4-FFF2-40B4-BE49-F238E27FC236}">
              <a16:creationId xmlns:a16="http://schemas.microsoft.com/office/drawing/2014/main" id="{4FE08E6B-19C7-4D08-A317-28D88FF42407}"/>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a:ext>
          </a:extLst>
        </a:blip>
        <a:srcRect/>
        <a:stretch>
          <a:fillRect/>
        </a:stretch>
      </xdr:blipFill>
      <xdr:spPr>
        <a:xfrm>
          <a:off x="2004358" y="11328399"/>
          <a:ext cx="959322" cy="616324"/>
        </a:xfrm>
        <a:prstGeom prst="rect">
          <a:avLst/>
        </a:prstGeom>
        <a:noFill/>
        <a:ln w="9525">
          <a:noFill/>
          <a:miter lim="800000"/>
          <a:headEnd/>
          <a:tailEnd/>
        </a:ln>
      </xdr:spPr>
    </xdr:pic>
    <xdr:clientData/>
  </xdr:twoCellAnchor>
  <xdr:twoCellAnchor>
    <xdr:from>
      <xdr:col>2</xdr:col>
      <xdr:colOff>75786</xdr:colOff>
      <xdr:row>2</xdr:row>
      <xdr:rowOff>113881</xdr:rowOff>
    </xdr:from>
    <xdr:to>
      <xdr:col>2</xdr:col>
      <xdr:colOff>1225828</xdr:colOff>
      <xdr:row>2</xdr:row>
      <xdr:rowOff>831111</xdr:rowOff>
    </xdr:to>
    <xdr:pic>
      <xdr:nvPicPr>
        <xdr:cNvPr id="45" name="图片 204" descr="http://sgcdn.uniview.com/res/201802/09/20180209_1611767_11_790242_140445_0.jpg">
          <a:extLst>
            <a:ext uri="{FF2B5EF4-FFF2-40B4-BE49-F238E27FC236}">
              <a16:creationId xmlns:a16="http://schemas.microsoft.com/office/drawing/2014/main" id="{6B97803C-DBBE-4938-82D8-5C56E1C09218}"/>
            </a:ext>
          </a:extLst>
        </xdr:cNvPr>
        <xdr:cNvPicPr>
          <a:picLocks noChangeAspect="1" noChangeArrowheads="1"/>
        </xdr:cNvPicPr>
      </xdr:nvPicPr>
      <xdr:blipFill>
        <a:blip xmlns:r="http://schemas.openxmlformats.org/officeDocument/2006/relationships" r:embed="rId27" cstate="email">
          <a:extLst>
            <a:ext uri="{28A0092B-C50C-407E-A947-70E740481C1C}">
              <a14:useLocalDpi xmlns:a14="http://schemas.microsoft.com/office/drawing/2010/main"/>
            </a:ext>
          </a:extLst>
        </a:blip>
        <a:srcRect/>
        <a:stretch>
          <a:fillRect/>
        </a:stretch>
      </xdr:blipFill>
      <xdr:spPr>
        <a:xfrm>
          <a:off x="1968086" y="488531"/>
          <a:ext cx="1137342" cy="71723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324179</xdr:colOff>
      <xdr:row>2</xdr:row>
      <xdr:rowOff>67593</xdr:rowOff>
    </xdr:from>
    <xdr:to>
      <xdr:col>3</xdr:col>
      <xdr:colOff>952583</xdr:colOff>
      <xdr:row>2</xdr:row>
      <xdr:rowOff>911087</xdr:rowOff>
    </xdr:to>
    <xdr:pic>
      <xdr:nvPicPr>
        <xdr:cNvPr id="46" name="图片 205" descr="http://sgcdn.uniview.com/res/201802/09/20180209_1611762_11_790236_140445_0.jpg">
          <a:extLst>
            <a:ext uri="{FF2B5EF4-FFF2-40B4-BE49-F238E27FC236}">
              <a16:creationId xmlns:a16="http://schemas.microsoft.com/office/drawing/2014/main" id="{1C64357B-048A-45FA-8A34-4FEBF3C47873}"/>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a:ext>
          </a:extLst>
        </a:blip>
        <a:srcRect/>
        <a:stretch>
          <a:fillRect/>
        </a:stretch>
      </xdr:blipFill>
      <xdr:spPr>
        <a:xfrm>
          <a:off x="3429329" y="442243"/>
          <a:ext cx="628404" cy="84349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74543</xdr:colOff>
      <xdr:row>2</xdr:row>
      <xdr:rowOff>298174</xdr:rowOff>
    </xdr:from>
    <xdr:to>
      <xdr:col>4</xdr:col>
      <xdr:colOff>1108207</xdr:colOff>
      <xdr:row>2</xdr:row>
      <xdr:rowOff>736324</xdr:rowOff>
    </xdr:to>
    <xdr:pic>
      <xdr:nvPicPr>
        <xdr:cNvPr id="47" name="图片 206" descr="http://sgcdn.uniview.com/res/201512/24/20151224_1606574_1-B_787329_140445_0.jpg">
          <a:extLst>
            <a:ext uri="{FF2B5EF4-FFF2-40B4-BE49-F238E27FC236}">
              <a16:creationId xmlns:a16="http://schemas.microsoft.com/office/drawing/2014/main" id="{25260341-5EC4-4E16-9714-9AC8BBE69E06}"/>
            </a:ext>
          </a:extLst>
        </xdr:cNvPr>
        <xdr:cNvPicPr>
          <a:picLocks noChangeAspect="1" noChangeArrowheads="1"/>
        </xdr:cNvPicPr>
      </xdr:nvPicPr>
      <xdr:blipFill>
        <a:blip xmlns:r="http://schemas.openxmlformats.org/officeDocument/2006/relationships" r:embed="rId29" cstate="email">
          <a:extLst>
            <a:ext uri="{28A0092B-C50C-407E-A947-70E740481C1C}">
              <a14:useLocalDpi xmlns:a14="http://schemas.microsoft.com/office/drawing/2010/main"/>
            </a:ext>
          </a:extLst>
        </a:blip>
        <a:srcRect/>
        <a:stretch>
          <a:fillRect/>
        </a:stretch>
      </xdr:blipFill>
      <xdr:spPr>
        <a:xfrm>
          <a:off x="4392543" y="672824"/>
          <a:ext cx="1033664" cy="4381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51643</xdr:colOff>
      <xdr:row>2</xdr:row>
      <xdr:rowOff>265337</xdr:rowOff>
    </xdr:from>
    <xdr:to>
      <xdr:col>5</xdr:col>
      <xdr:colOff>1111825</xdr:colOff>
      <xdr:row>2</xdr:row>
      <xdr:rowOff>695739</xdr:rowOff>
    </xdr:to>
    <xdr:pic>
      <xdr:nvPicPr>
        <xdr:cNvPr id="48" name="图片 207" descr="http://sgcdn.uniview.com/res/201802/09/20180209_1611758_11_790230_140445_0.jpg">
          <a:extLst>
            <a:ext uri="{FF2B5EF4-FFF2-40B4-BE49-F238E27FC236}">
              <a16:creationId xmlns:a16="http://schemas.microsoft.com/office/drawing/2014/main" id="{18579581-5C79-402A-8C1D-12FA71CC9085}"/>
            </a:ext>
          </a:extLst>
        </xdr:cNvPr>
        <xdr:cNvPicPr>
          <a:picLocks noChangeAspect="1" noChangeArrowheads="1"/>
        </xdr:cNvPicPr>
      </xdr:nvPicPr>
      <xdr:blipFill>
        <a:blip xmlns:r="http://schemas.openxmlformats.org/officeDocument/2006/relationships" r:embed="rId30" cstate="email">
          <a:extLst>
            <a:ext uri="{28A0092B-C50C-407E-A947-70E740481C1C}">
              <a14:useLocalDpi xmlns:a14="http://schemas.microsoft.com/office/drawing/2010/main"/>
            </a:ext>
          </a:extLst>
        </a:blip>
        <a:srcRect/>
        <a:stretch>
          <a:fillRect/>
        </a:stretch>
      </xdr:blipFill>
      <xdr:spPr>
        <a:xfrm>
          <a:off x="5531693" y="639987"/>
          <a:ext cx="1060182" cy="4304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6</xdr:col>
      <xdr:colOff>40583</xdr:colOff>
      <xdr:row>2</xdr:row>
      <xdr:rowOff>283130</xdr:rowOff>
    </xdr:from>
    <xdr:to>
      <xdr:col>7</xdr:col>
      <xdr:colOff>0</xdr:colOff>
      <xdr:row>2</xdr:row>
      <xdr:rowOff>753380</xdr:rowOff>
    </xdr:to>
    <xdr:pic>
      <xdr:nvPicPr>
        <xdr:cNvPr id="49" name="图片 208" descr="http://sgcdn.uniview.com/res/201802/09/20180209_1611749_11_790217_140445_0.jpg">
          <a:extLst>
            <a:ext uri="{FF2B5EF4-FFF2-40B4-BE49-F238E27FC236}">
              <a16:creationId xmlns:a16="http://schemas.microsoft.com/office/drawing/2014/main" id="{DF158164-0F06-4828-ADC5-FD7EE773A690}"/>
            </a:ext>
          </a:extLst>
        </xdr:cNvPr>
        <xdr:cNvPicPr>
          <a:picLocks noChangeAspect="1" noChangeArrowheads="1"/>
        </xdr:cNvPicPr>
      </xdr:nvPicPr>
      <xdr:blipFill>
        <a:blip xmlns:r="http://schemas.openxmlformats.org/officeDocument/2006/relationships" r:embed="rId31" cstate="email">
          <a:extLst>
            <a:ext uri="{28A0092B-C50C-407E-A947-70E740481C1C}">
              <a14:useLocalDpi xmlns:a14="http://schemas.microsoft.com/office/drawing/2010/main"/>
            </a:ext>
          </a:extLst>
        </a:blip>
        <a:srcRect/>
        <a:stretch>
          <a:fillRect/>
        </a:stretch>
      </xdr:blipFill>
      <xdr:spPr>
        <a:xfrm>
          <a:off x="6752533" y="657780"/>
          <a:ext cx="1458017" cy="4702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8</xdr:col>
      <xdr:colOff>140805</xdr:colOff>
      <xdr:row>2</xdr:row>
      <xdr:rowOff>132522</xdr:rowOff>
    </xdr:from>
    <xdr:to>
      <xdr:col>8</xdr:col>
      <xdr:colOff>1022579</xdr:colOff>
      <xdr:row>2</xdr:row>
      <xdr:rowOff>925128</xdr:rowOff>
    </xdr:to>
    <xdr:pic>
      <xdr:nvPicPr>
        <xdr:cNvPr id="50" name="图片 209" descr="http://sgcdn.uniview.com/res/201503/26/20150326_1602734_1_787476_140445_0.jpg">
          <a:extLst>
            <a:ext uri="{FF2B5EF4-FFF2-40B4-BE49-F238E27FC236}">
              <a16:creationId xmlns:a16="http://schemas.microsoft.com/office/drawing/2014/main" id="{DDD867D6-CBB0-4365-9E67-3D45D7907DDF}"/>
            </a:ext>
          </a:extLst>
        </xdr:cNvPr>
        <xdr:cNvPicPr>
          <a:picLocks noChangeAspect="1" noChangeArrowheads="1"/>
        </xdr:cNvPicPr>
      </xdr:nvPicPr>
      <xdr:blipFill>
        <a:blip xmlns:r="http://schemas.openxmlformats.org/officeDocument/2006/relationships" r:embed="rId32" cstate="email">
          <a:extLst>
            <a:ext uri="{28A0092B-C50C-407E-A947-70E740481C1C}">
              <a14:useLocalDpi xmlns:a14="http://schemas.microsoft.com/office/drawing/2010/main"/>
            </a:ext>
          </a:extLst>
        </a:blip>
        <a:srcRect/>
        <a:stretch>
          <a:fillRect/>
        </a:stretch>
      </xdr:blipFill>
      <xdr:spPr>
        <a:xfrm>
          <a:off x="9678505" y="507172"/>
          <a:ext cx="881774" cy="79260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0</xdr:col>
      <xdr:colOff>381001</xdr:colOff>
      <xdr:row>2</xdr:row>
      <xdr:rowOff>66260</xdr:rowOff>
    </xdr:from>
    <xdr:to>
      <xdr:col>10</xdr:col>
      <xdr:colOff>895351</xdr:colOff>
      <xdr:row>2</xdr:row>
      <xdr:rowOff>987484</xdr:rowOff>
    </xdr:to>
    <xdr:pic>
      <xdr:nvPicPr>
        <xdr:cNvPr id="51" name="图片 210" descr="http://sgcdn.uniview.com/res/201503/26/20150326_1602712_1_787460_140445_0.jpg">
          <a:extLst>
            <a:ext uri="{FF2B5EF4-FFF2-40B4-BE49-F238E27FC236}">
              <a16:creationId xmlns:a16="http://schemas.microsoft.com/office/drawing/2014/main" id="{2DE9A9B3-A4E2-4AC4-937F-9E193EA079B7}"/>
            </a:ext>
          </a:extLst>
        </xdr:cNvPr>
        <xdr:cNvPicPr>
          <a:picLocks noChangeAspect="1" noChangeArrowheads="1"/>
        </xdr:cNvPicPr>
      </xdr:nvPicPr>
      <xdr:blipFill>
        <a:blip xmlns:r="http://schemas.openxmlformats.org/officeDocument/2006/relationships" r:embed="rId33" cstate="email">
          <a:extLst>
            <a:ext uri="{28A0092B-C50C-407E-A947-70E740481C1C}">
              <a14:useLocalDpi xmlns:a14="http://schemas.microsoft.com/office/drawing/2010/main"/>
            </a:ext>
          </a:extLst>
        </a:blip>
        <a:srcRect/>
        <a:stretch>
          <a:fillRect/>
        </a:stretch>
      </xdr:blipFill>
      <xdr:spPr>
        <a:xfrm>
          <a:off x="12077701" y="440910"/>
          <a:ext cx="514350" cy="9212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2826</xdr:colOff>
      <xdr:row>2</xdr:row>
      <xdr:rowOff>231912</xdr:rowOff>
    </xdr:from>
    <xdr:to>
      <xdr:col>11</xdr:col>
      <xdr:colOff>1072791</xdr:colOff>
      <xdr:row>2</xdr:row>
      <xdr:rowOff>736737</xdr:rowOff>
    </xdr:to>
    <xdr:pic>
      <xdr:nvPicPr>
        <xdr:cNvPr id="52" name="图片 211" descr="http://sgcdn.uniview.com/res/201503/26/20150326_1602745_1_787484_140445_0.jpg">
          <a:extLst>
            <a:ext uri="{FF2B5EF4-FFF2-40B4-BE49-F238E27FC236}">
              <a16:creationId xmlns:a16="http://schemas.microsoft.com/office/drawing/2014/main" id="{37421799-1362-4BAC-9D67-A8FE8005F085}"/>
            </a:ext>
          </a:extLst>
        </xdr:cNvPr>
        <xdr:cNvPicPr>
          <a:picLocks noChangeAspect="1" noChangeArrowheads="1"/>
        </xdr:cNvPicPr>
      </xdr:nvPicPr>
      <xdr:blipFill>
        <a:blip xmlns:r="http://schemas.openxmlformats.org/officeDocument/2006/relationships" r:embed="rId34" cstate="email">
          <a:extLst>
            <a:ext uri="{28A0092B-C50C-407E-A947-70E740481C1C}">
              <a14:useLocalDpi xmlns:a14="http://schemas.microsoft.com/office/drawing/2010/main"/>
            </a:ext>
          </a:extLst>
        </a:blip>
        <a:srcRect/>
        <a:stretch>
          <a:fillRect/>
        </a:stretch>
      </xdr:blipFill>
      <xdr:spPr>
        <a:xfrm>
          <a:off x="12859026" y="606562"/>
          <a:ext cx="989965" cy="5048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125730</xdr:colOff>
      <xdr:row>11</xdr:row>
      <xdr:rowOff>279400</xdr:rowOff>
    </xdr:from>
    <xdr:to>
      <xdr:col>2</xdr:col>
      <xdr:colOff>1200654</xdr:colOff>
      <xdr:row>11</xdr:row>
      <xdr:rowOff>743642</xdr:rowOff>
    </xdr:to>
    <xdr:pic>
      <xdr:nvPicPr>
        <xdr:cNvPr id="53" name="图片 212" descr="http://sgcdn.uniview.com/res/201509/06/20150906_1604295_TR-FM152-A-IN-F-B_788020_140445_0.jpg">
          <a:extLst>
            <a:ext uri="{FF2B5EF4-FFF2-40B4-BE49-F238E27FC236}">
              <a16:creationId xmlns:a16="http://schemas.microsoft.com/office/drawing/2014/main" id="{BCB7A40D-2833-4156-8070-5BC1CE73D41C}"/>
            </a:ext>
          </a:extLst>
        </xdr:cNvPr>
        <xdr:cNvPicPr>
          <a:picLocks noChangeAspect="1" noChangeArrowheads="1"/>
        </xdr:cNvPicPr>
      </xdr:nvPicPr>
      <xdr:blipFill>
        <a:blip xmlns:r="http://schemas.openxmlformats.org/officeDocument/2006/relationships" r:embed="rId35" cstate="email">
          <a:extLst>
            <a:ext uri="{28A0092B-C50C-407E-A947-70E740481C1C}">
              <a14:useLocalDpi xmlns:a14="http://schemas.microsoft.com/office/drawing/2010/main"/>
            </a:ext>
          </a:extLst>
        </a:blip>
        <a:srcRect/>
        <a:stretch>
          <a:fillRect/>
        </a:stretch>
      </xdr:blipFill>
      <xdr:spPr>
        <a:xfrm>
          <a:off x="2018030" y="4051300"/>
          <a:ext cx="1074924" cy="4642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154305</xdr:colOff>
      <xdr:row>11</xdr:row>
      <xdr:rowOff>249555</xdr:rowOff>
    </xdr:from>
    <xdr:to>
      <xdr:col>3</xdr:col>
      <xdr:colOff>1062905</xdr:colOff>
      <xdr:row>11</xdr:row>
      <xdr:rowOff>782637</xdr:rowOff>
    </xdr:to>
    <xdr:pic>
      <xdr:nvPicPr>
        <xdr:cNvPr id="54" name="图片 213" descr="http://sgcdn.uniview.com/res/201509/06/20150906_1604377_TR-WM04-IN-F-B_788075_140445_0.jpg">
          <a:extLst>
            <a:ext uri="{FF2B5EF4-FFF2-40B4-BE49-F238E27FC236}">
              <a16:creationId xmlns:a16="http://schemas.microsoft.com/office/drawing/2014/main" id="{5B2A7203-A20B-4DEE-B062-5AEF113107F0}"/>
            </a:ext>
          </a:extLst>
        </xdr:cNvPr>
        <xdr:cNvPicPr>
          <a:picLocks noChangeAspect="1" noChangeArrowheads="1"/>
        </xdr:cNvPicPr>
      </xdr:nvPicPr>
      <xdr:blipFill>
        <a:blip xmlns:r="http://schemas.openxmlformats.org/officeDocument/2006/relationships" r:embed="rId36" cstate="email">
          <a:extLst>
            <a:ext uri="{28A0092B-C50C-407E-A947-70E740481C1C}">
              <a14:useLocalDpi xmlns:a14="http://schemas.microsoft.com/office/drawing/2010/main"/>
            </a:ext>
          </a:extLst>
        </a:blip>
        <a:srcRect/>
        <a:stretch>
          <a:fillRect/>
        </a:stretch>
      </xdr:blipFill>
      <xdr:spPr>
        <a:xfrm>
          <a:off x="3259455" y="4021455"/>
          <a:ext cx="908600" cy="53308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47625</xdr:colOff>
      <xdr:row>11</xdr:row>
      <xdr:rowOff>229870</xdr:rowOff>
    </xdr:from>
    <xdr:to>
      <xdr:col>4</xdr:col>
      <xdr:colOff>1152339</xdr:colOff>
      <xdr:row>11</xdr:row>
      <xdr:rowOff>833284</xdr:rowOff>
    </xdr:to>
    <xdr:pic>
      <xdr:nvPicPr>
        <xdr:cNvPr id="55" name="图片 214" descr="http://sgcdn.uniview.com/res/201509/06/20150906_1604343_TR-JB07%20WM04-IN-F-B_788051_140445_0.jpg">
          <a:extLst>
            <a:ext uri="{FF2B5EF4-FFF2-40B4-BE49-F238E27FC236}">
              <a16:creationId xmlns:a16="http://schemas.microsoft.com/office/drawing/2014/main" id="{5EDA53DD-40F4-45D5-8810-8DD3BC2BF4D5}"/>
            </a:ext>
          </a:extLst>
        </xdr:cNvPr>
        <xdr:cNvPicPr>
          <a:picLocks noChangeAspect="1" noChangeArrowheads="1"/>
        </xdr:cNvPicPr>
      </xdr:nvPicPr>
      <xdr:blipFill>
        <a:blip xmlns:r="http://schemas.openxmlformats.org/officeDocument/2006/relationships" r:embed="rId37" cstate="email">
          <a:extLst>
            <a:ext uri="{28A0092B-C50C-407E-A947-70E740481C1C}">
              <a14:useLocalDpi xmlns:a14="http://schemas.microsoft.com/office/drawing/2010/main"/>
            </a:ext>
          </a:extLst>
        </a:blip>
        <a:srcRect/>
        <a:stretch>
          <a:fillRect/>
        </a:stretch>
      </xdr:blipFill>
      <xdr:spPr>
        <a:xfrm>
          <a:off x="4365625" y="4001770"/>
          <a:ext cx="1104714" cy="60341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238125</xdr:colOff>
      <xdr:row>11</xdr:row>
      <xdr:rowOff>138430</xdr:rowOff>
    </xdr:from>
    <xdr:to>
      <xdr:col>5</xdr:col>
      <xdr:colOff>1047750</xdr:colOff>
      <xdr:row>11</xdr:row>
      <xdr:rowOff>856399</xdr:rowOff>
    </xdr:to>
    <xdr:pic>
      <xdr:nvPicPr>
        <xdr:cNvPr id="56" name="图片 215" descr="http://sgcdn.uniview.com/res/201802/09/20180209_1611817_11_790286_140445_0.jpg">
          <a:extLst>
            <a:ext uri="{FF2B5EF4-FFF2-40B4-BE49-F238E27FC236}">
              <a16:creationId xmlns:a16="http://schemas.microsoft.com/office/drawing/2014/main" id="{6E7D38C6-D229-4AB1-9681-1D8EB5C74388}"/>
            </a:ext>
          </a:extLst>
        </xdr:cNvPr>
        <xdr:cNvPicPr>
          <a:picLocks noChangeAspect="1" noChangeArrowheads="1"/>
        </xdr:cNvPicPr>
      </xdr:nvPicPr>
      <xdr:blipFill>
        <a:blip xmlns:r="http://schemas.openxmlformats.org/officeDocument/2006/relationships" r:embed="rId38" cstate="email">
          <a:extLst>
            <a:ext uri="{28A0092B-C50C-407E-A947-70E740481C1C}">
              <a14:useLocalDpi xmlns:a14="http://schemas.microsoft.com/office/drawing/2010/main"/>
            </a:ext>
          </a:extLst>
        </a:blip>
        <a:srcRect/>
        <a:stretch>
          <a:fillRect/>
        </a:stretch>
      </xdr:blipFill>
      <xdr:spPr>
        <a:xfrm>
          <a:off x="5718175" y="3910330"/>
          <a:ext cx="809625" cy="71796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259715</xdr:colOff>
      <xdr:row>19</xdr:row>
      <xdr:rowOff>158750</xdr:rowOff>
    </xdr:from>
    <xdr:to>
      <xdr:col>2</xdr:col>
      <xdr:colOff>1269365</xdr:colOff>
      <xdr:row>19</xdr:row>
      <xdr:rowOff>864800</xdr:rowOff>
    </xdr:to>
    <xdr:pic>
      <xdr:nvPicPr>
        <xdr:cNvPr id="57" name="图片 216" descr="http://sgcdn.uniview.com/res/201802/09/20180209_1611814_11_790281_140445_0.jpg">
          <a:extLst>
            <a:ext uri="{FF2B5EF4-FFF2-40B4-BE49-F238E27FC236}">
              <a16:creationId xmlns:a16="http://schemas.microsoft.com/office/drawing/2014/main" id="{87504A46-324C-48A2-8044-CD88559025DC}"/>
            </a:ext>
          </a:extLst>
        </xdr:cNvPr>
        <xdr:cNvPicPr>
          <a:picLocks noChangeAspect="1" noChangeArrowheads="1"/>
        </xdr:cNvPicPr>
      </xdr:nvPicPr>
      <xdr:blipFill>
        <a:blip xmlns:r="http://schemas.openxmlformats.org/officeDocument/2006/relationships" r:embed="rId39" cstate="email">
          <a:extLst>
            <a:ext uri="{28A0092B-C50C-407E-A947-70E740481C1C}">
              <a14:useLocalDpi xmlns:a14="http://schemas.microsoft.com/office/drawing/2010/main"/>
            </a:ext>
          </a:extLst>
        </a:blip>
        <a:srcRect/>
        <a:stretch>
          <a:fillRect/>
        </a:stretch>
      </xdr:blipFill>
      <xdr:spPr>
        <a:xfrm>
          <a:off x="2152015" y="7600950"/>
          <a:ext cx="952500" cy="706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2</xdr:col>
      <xdr:colOff>323021</xdr:colOff>
      <xdr:row>35</xdr:row>
      <xdr:rowOff>24848</xdr:rowOff>
    </xdr:from>
    <xdr:to>
      <xdr:col>2</xdr:col>
      <xdr:colOff>942145</xdr:colOff>
      <xdr:row>35</xdr:row>
      <xdr:rowOff>936440</xdr:rowOff>
    </xdr:to>
    <xdr:pic>
      <xdr:nvPicPr>
        <xdr:cNvPr id="58" name="图片 217" descr="http://sgcdn.uniview.com/res/201803/30/20180330_1640628_11_804279_140445_0.jpg">
          <a:extLst>
            <a:ext uri="{FF2B5EF4-FFF2-40B4-BE49-F238E27FC236}">
              <a16:creationId xmlns:a16="http://schemas.microsoft.com/office/drawing/2014/main" id="{AD800C51-C9C2-43B4-A8CE-D5AB357E12A9}"/>
            </a:ext>
          </a:extLst>
        </xdr:cNvPr>
        <xdr:cNvPicPr>
          <a:picLocks noChangeAspect="1" noChangeArrowheads="1"/>
        </xdr:cNvPicPr>
      </xdr:nvPicPr>
      <xdr:blipFill>
        <a:blip xmlns:r="http://schemas.openxmlformats.org/officeDocument/2006/relationships" r:embed="rId40" cstate="email">
          <a:extLst>
            <a:ext uri="{28A0092B-C50C-407E-A947-70E740481C1C}">
              <a14:useLocalDpi xmlns:a14="http://schemas.microsoft.com/office/drawing/2010/main"/>
            </a:ext>
          </a:extLst>
        </a:blip>
        <a:srcRect/>
        <a:stretch>
          <a:fillRect/>
        </a:stretch>
      </xdr:blipFill>
      <xdr:spPr>
        <a:xfrm>
          <a:off x="2215321" y="15023548"/>
          <a:ext cx="619124" cy="91159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24848</xdr:colOff>
      <xdr:row>35</xdr:row>
      <xdr:rowOff>66260</xdr:rowOff>
    </xdr:from>
    <xdr:to>
      <xdr:col>4</xdr:col>
      <xdr:colOff>1110698</xdr:colOff>
      <xdr:row>36</xdr:row>
      <xdr:rowOff>2024</xdr:rowOff>
    </xdr:to>
    <xdr:pic>
      <xdr:nvPicPr>
        <xdr:cNvPr id="59" name="图片 218" descr="http://sgcdn.uniview.com/res/201802/09/20180209_1611817_11_790286_140445_0.jpg">
          <a:extLst>
            <a:ext uri="{FF2B5EF4-FFF2-40B4-BE49-F238E27FC236}">
              <a16:creationId xmlns:a16="http://schemas.microsoft.com/office/drawing/2014/main" id="{F0AA5059-377A-43E9-A58A-643171A00784}"/>
            </a:ext>
          </a:extLst>
        </xdr:cNvPr>
        <xdr:cNvPicPr>
          <a:picLocks noChangeAspect="1" noChangeArrowheads="1"/>
        </xdr:cNvPicPr>
      </xdr:nvPicPr>
      <xdr:blipFill>
        <a:blip xmlns:r="http://schemas.openxmlformats.org/officeDocument/2006/relationships" r:embed="rId41" cstate="email">
          <a:extLst>
            <a:ext uri="{28A0092B-C50C-407E-A947-70E740481C1C}">
              <a14:useLocalDpi xmlns:a14="http://schemas.microsoft.com/office/drawing/2010/main"/>
            </a:ext>
          </a:extLst>
        </a:blip>
        <a:srcRect/>
        <a:stretch>
          <a:fillRect/>
        </a:stretch>
      </xdr:blipFill>
      <xdr:spPr>
        <a:xfrm>
          <a:off x="4342848" y="15064960"/>
          <a:ext cx="1085850" cy="102161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484878</xdr:colOff>
      <xdr:row>109</xdr:row>
      <xdr:rowOff>132520</xdr:rowOff>
    </xdr:from>
    <xdr:to>
      <xdr:col>3</xdr:col>
      <xdr:colOff>834130</xdr:colOff>
      <xdr:row>109</xdr:row>
      <xdr:rowOff>894522</xdr:rowOff>
    </xdr:to>
    <xdr:pic>
      <xdr:nvPicPr>
        <xdr:cNvPr id="60" name="图片 219" descr="http://sgcdn.uniview.com/res/201802/09/20180209_1611792_11_790265_140445_0.jpg">
          <a:extLst>
            <a:ext uri="{FF2B5EF4-FFF2-40B4-BE49-F238E27FC236}">
              <a16:creationId xmlns:a16="http://schemas.microsoft.com/office/drawing/2014/main" id="{7BE222BA-727B-4590-9BDC-D87365F653FC}"/>
            </a:ext>
          </a:extLst>
        </xdr:cNvPr>
        <xdr:cNvPicPr>
          <a:picLocks noChangeAspect="1" noChangeArrowheads="1"/>
        </xdr:cNvPicPr>
      </xdr:nvPicPr>
      <xdr:blipFill>
        <a:blip xmlns:r="http://schemas.openxmlformats.org/officeDocument/2006/relationships" r:embed="rId42" cstate="email">
          <a:extLst>
            <a:ext uri="{28A0092B-C50C-407E-A947-70E740481C1C}">
              <a14:useLocalDpi xmlns:a14="http://schemas.microsoft.com/office/drawing/2010/main"/>
            </a:ext>
          </a:extLst>
        </a:blip>
        <a:srcRect/>
        <a:stretch>
          <a:fillRect/>
        </a:stretch>
      </xdr:blipFill>
      <xdr:spPr>
        <a:xfrm flipV="1">
          <a:off x="3590028" y="45909670"/>
          <a:ext cx="349252" cy="7620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486903</xdr:colOff>
      <xdr:row>109</xdr:row>
      <xdr:rowOff>105188</xdr:rowOff>
    </xdr:from>
    <xdr:to>
      <xdr:col>4</xdr:col>
      <xdr:colOff>730215</xdr:colOff>
      <xdr:row>109</xdr:row>
      <xdr:rowOff>927652</xdr:rowOff>
    </xdr:to>
    <xdr:pic>
      <xdr:nvPicPr>
        <xdr:cNvPr id="61" name="图片 220" descr="http://sgcdn.uniview.com/res/201503/27/20150327_1602788_1_787516_140445_0.jpg">
          <a:extLst>
            <a:ext uri="{FF2B5EF4-FFF2-40B4-BE49-F238E27FC236}">
              <a16:creationId xmlns:a16="http://schemas.microsoft.com/office/drawing/2014/main" id="{3FE47101-981E-4E32-8130-DDF069B63AB0}"/>
            </a:ext>
          </a:extLst>
        </xdr:cNvPr>
        <xdr:cNvPicPr>
          <a:picLocks noChangeAspect="1" noChangeArrowheads="1"/>
        </xdr:cNvPicPr>
      </xdr:nvPicPr>
      <xdr:blipFill>
        <a:blip xmlns:r="http://schemas.openxmlformats.org/officeDocument/2006/relationships" r:embed="rId43" cstate="email">
          <a:extLst>
            <a:ext uri="{28A0092B-C50C-407E-A947-70E740481C1C}">
              <a14:useLocalDpi xmlns:a14="http://schemas.microsoft.com/office/drawing/2010/main"/>
            </a:ext>
          </a:extLst>
        </a:blip>
        <a:srcRect/>
        <a:stretch>
          <a:fillRect/>
        </a:stretch>
      </xdr:blipFill>
      <xdr:spPr>
        <a:xfrm>
          <a:off x="4804903" y="45882338"/>
          <a:ext cx="243312" cy="82246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9696</xdr:colOff>
      <xdr:row>109</xdr:row>
      <xdr:rowOff>41413</xdr:rowOff>
    </xdr:from>
    <xdr:to>
      <xdr:col>2</xdr:col>
      <xdr:colOff>1179342</xdr:colOff>
      <xdr:row>109</xdr:row>
      <xdr:rowOff>822463</xdr:rowOff>
    </xdr:to>
    <xdr:pic>
      <xdr:nvPicPr>
        <xdr:cNvPr id="62" name="图片 221" descr="http://sgcdn.uniview.com/res/201503/27/20150327_1602812_1_787538_140445_0.jpg">
          <a:extLst>
            <a:ext uri="{FF2B5EF4-FFF2-40B4-BE49-F238E27FC236}">
              <a16:creationId xmlns:a16="http://schemas.microsoft.com/office/drawing/2014/main" id="{AF14906A-2497-4649-BD6C-D6841682F40A}"/>
            </a:ext>
          </a:extLst>
        </xdr:cNvPr>
        <xdr:cNvPicPr>
          <a:picLocks noChangeAspect="1" noChangeArrowheads="1"/>
        </xdr:cNvPicPr>
      </xdr:nvPicPr>
      <xdr:blipFill>
        <a:blip xmlns:r="http://schemas.openxmlformats.org/officeDocument/2006/relationships" r:embed="rId44" cstate="email">
          <a:extLst>
            <a:ext uri="{28A0092B-C50C-407E-A947-70E740481C1C}">
              <a14:useLocalDpi xmlns:a14="http://schemas.microsoft.com/office/drawing/2010/main"/>
            </a:ext>
          </a:extLst>
        </a:blip>
        <a:srcRect/>
        <a:stretch>
          <a:fillRect/>
        </a:stretch>
      </xdr:blipFill>
      <xdr:spPr>
        <a:xfrm>
          <a:off x="1941996" y="45818563"/>
          <a:ext cx="1129646" cy="781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405848</xdr:colOff>
      <xdr:row>109</xdr:row>
      <xdr:rowOff>16565</xdr:rowOff>
    </xdr:from>
    <xdr:to>
      <xdr:col>5</xdr:col>
      <xdr:colOff>592207</xdr:colOff>
      <xdr:row>109</xdr:row>
      <xdr:rowOff>1009651</xdr:rowOff>
    </xdr:to>
    <xdr:pic>
      <xdr:nvPicPr>
        <xdr:cNvPr id="63" name="图片 222" descr="http://sgcdn.uniview.com/res/201503/27/20150327_1602795_1_787523_140445_0.jpg">
          <a:extLst>
            <a:ext uri="{FF2B5EF4-FFF2-40B4-BE49-F238E27FC236}">
              <a16:creationId xmlns:a16="http://schemas.microsoft.com/office/drawing/2014/main" id="{DB0E173F-F1DD-44F2-A995-F50FD99179BF}"/>
            </a:ext>
          </a:extLst>
        </xdr:cNvPr>
        <xdr:cNvPicPr>
          <a:picLocks noChangeAspect="1" noChangeArrowheads="1"/>
        </xdr:cNvPicPr>
      </xdr:nvPicPr>
      <xdr:blipFill>
        <a:blip xmlns:r="http://schemas.openxmlformats.org/officeDocument/2006/relationships" r:embed="rId45" cstate="email">
          <a:extLst>
            <a:ext uri="{28A0092B-C50C-407E-A947-70E740481C1C}">
              <a14:useLocalDpi xmlns:a14="http://schemas.microsoft.com/office/drawing/2010/main"/>
            </a:ext>
          </a:extLst>
        </a:blip>
        <a:srcRect/>
        <a:stretch>
          <a:fillRect/>
        </a:stretch>
      </xdr:blipFill>
      <xdr:spPr>
        <a:xfrm>
          <a:off x="5885898" y="45793715"/>
          <a:ext cx="186359" cy="99308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91108</xdr:colOff>
      <xdr:row>117</xdr:row>
      <xdr:rowOff>0</xdr:rowOff>
    </xdr:from>
    <xdr:to>
      <xdr:col>2</xdr:col>
      <xdr:colOff>1178862</xdr:colOff>
      <xdr:row>117</xdr:row>
      <xdr:rowOff>981712</xdr:rowOff>
    </xdr:to>
    <xdr:pic>
      <xdr:nvPicPr>
        <xdr:cNvPr id="64" name="图片 223" descr="http://sgcdn.uniview.com/res/201503/27/20150327_1602852_1_787570_140445_0.jpg">
          <a:extLst>
            <a:ext uri="{FF2B5EF4-FFF2-40B4-BE49-F238E27FC236}">
              <a16:creationId xmlns:a16="http://schemas.microsoft.com/office/drawing/2014/main" id="{033DD0EB-9F35-458F-AB81-F97C144D7F4E}"/>
            </a:ext>
          </a:extLst>
        </xdr:cNvPr>
        <xdr:cNvPicPr>
          <a:picLocks noChangeAspect="1" noChangeArrowheads="1"/>
        </xdr:cNvPicPr>
      </xdr:nvPicPr>
      <xdr:blipFill>
        <a:blip xmlns:r="http://schemas.openxmlformats.org/officeDocument/2006/relationships" r:embed="rId46" cstate="email">
          <a:extLst>
            <a:ext uri="{28A0092B-C50C-407E-A947-70E740481C1C}">
              <a14:useLocalDpi xmlns:a14="http://schemas.microsoft.com/office/drawing/2010/main"/>
            </a:ext>
          </a:extLst>
        </a:blip>
        <a:srcRect/>
        <a:stretch>
          <a:fillRect/>
        </a:stretch>
      </xdr:blipFill>
      <xdr:spPr>
        <a:xfrm>
          <a:off x="1983408" y="49123600"/>
          <a:ext cx="1087754" cy="98171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15957</xdr:colOff>
      <xdr:row>117</xdr:row>
      <xdr:rowOff>57978</xdr:rowOff>
    </xdr:from>
    <xdr:to>
      <xdr:col>3</xdr:col>
      <xdr:colOff>1182759</xdr:colOff>
      <xdr:row>117</xdr:row>
      <xdr:rowOff>923166</xdr:rowOff>
    </xdr:to>
    <xdr:pic>
      <xdr:nvPicPr>
        <xdr:cNvPr id="65" name="图片 224" descr="http://sgcdn.uniview.com/res/201511/10/20151110_1605287_1-B_788242_140445_0.jpg">
          <a:extLst>
            <a:ext uri="{FF2B5EF4-FFF2-40B4-BE49-F238E27FC236}">
              <a16:creationId xmlns:a16="http://schemas.microsoft.com/office/drawing/2014/main" id="{68B35A24-E1EE-4BA0-A763-D3EBCFE733CD}"/>
            </a:ext>
          </a:extLst>
        </xdr:cNvPr>
        <xdr:cNvPicPr>
          <a:picLocks noChangeAspect="1" noChangeArrowheads="1"/>
        </xdr:cNvPicPr>
      </xdr:nvPicPr>
      <xdr:blipFill>
        <a:blip xmlns:r="http://schemas.openxmlformats.org/officeDocument/2006/relationships" r:embed="rId47" cstate="email">
          <a:extLst>
            <a:ext uri="{28A0092B-C50C-407E-A947-70E740481C1C}">
              <a14:useLocalDpi xmlns:a14="http://schemas.microsoft.com/office/drawing/2010/main"/>
            </a:ext>
          </a:extLst>
        </a:blip>
        <a:srcRect/>
        <a:stretch>
          <a:fillRect/>
        </a:stretch>
      </xdr:blipFill>
      <xdr:spPr>
        <a:xfrm>
          <a:off x="3221107" y="49181578"/>
          <a:ext cx="1066802" cy="8651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173934</xdr:colOff>
      <xdr:row>117</xdr:row>
      <xdr:rowOff>24847</xdr:rowOff>
    </xdr:from>
    <xdr:to>
      <xdr:col>4</xdr:col>
      <xdr:colOff>1040710</xdr:colOff>
      <xdr:row>117</xdr:row>
      <xdr:rowOff>913847</xdr:rowOff>
    </xdr:to>
    <xdr:pic>
      <xdr:nvPicPr>
        <xdr:cNvPr id="66" name="图片 225" descr="http://sgcdn.uniview.com/res/201802/09/20180209_1611831_11_790301_140445_0.jpg">
          <a:extLst>
            <a:ext uri="{FF2B5EF4-FFF2-40B4-BE49-F238E27FC236}">
              <a16:creationId xmlns:a16="http://schemas.microsoft.com/office/drawing/2014/main" id="{3CAFEEFC-AB82-4069-9E5C-7C9ABC2688BD}"/>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a:xfrm>
          <a:off x="4491934" y="49148447"/>
          <a:ext cx="866776" cy="889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40195</xdr:colOff>
      <xdr:row>117</xdr:row>
      <xdr:rowOff>8283</xdr:rowOff>
    </xdr:from>
    <xdr:to>
      <xdr:col>5</xdr:col>
      <xdr:colOff>960783</xdr:colOff>
      <xdr:row>117</xdr:row>
      <xdr:rowOff>985351</xdr:rowOff>
    </xdr:to>
    <xdr:pic>
      <xdr:nvPicPr>
        <xdr:cNvPr id="67" name="图片 226" descr="http://sgcdn.uniview.com/res/201511/10/20151110_1605273_1-B_788193_140445_0.jpg">
          <a:extLst>
            <a:ext uri="{FF2B5EF4-FFF2-40B4-BE49-F238E27FC236}">
              <a16:creationId xmlns:a16="http://schemas.microsoft.com/office/drawing/2014/main" id="{6B4F3E7A-E22F-4543-A0EF-6340CDD45BAB}"/>
            </a:ext>
          </a:extLst>
        </xdr:cNvPr>
        <xdr:cNvPicPr>
          <a:picLocks noChangeAspect="1" noChangeArrowheads="1"/>
        </xdr:cNvPicPr>
      </xdr:nvPicPr>
      <xdr:blipFill>
        <a:blip xmlns:r="http://schemas.openxmlformats.org/officeDocument/2006/relationships" r:embed="rId49" cstate="email">
          <a:extLst>
            <a:ext uri="{28A0092B-C50C-407E-A947-70E740481C1C}">
              <a14:useLocalDpi xmlns:a14="http://schemas.microsoft.com/office/drawing/2010/main"/>
            </a:ext>
          </a:extLst>
        </a:blip>
        <a:srcRect/>
        <a:stretch>
          <a:fillRect/>
        </a:stretch>
      </xdr:blipFill>
      <xdr:spPr>
        <a:xfrm>
          <a:off x="5720245" y="49131883"/>
          <a:ext cx="720588" cy="97706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482460</xdr:colOff>
      <xdr:row>125</xdr:row>
      <xdr:rowOff>134025</xdr:rowOff>
    </xdr:from>
    <xdr:to>
      <xdr:col>3</xdr:col>
      <xdr:colOff>853108</xdr:colOff>
      <xdr:row>125</xdr:row>
      <xdr:rowOff>942709</xdr:rowOff>
    </xdr:to>
    <xdr:pic>
      <xdr:nvPicPr>
        <xdr:cNvPr id="68" name="图片 227" descr="http://sgcdn.uniview.com/res/201802/09/20180209_1611792_11_790265_140445_0.jpg">
          <a:extLst>
            <a:ext uri="{FF2B5EF4-FFF2-40B4-BE49-F238E27FC236}">
              <a16:creationId xmlns:a16="http://schemas.microsoft.com/office/drawing/2014/main" id="{4EB89A9C-C0C2-425E-BCE3-3846B4E8F1FA}"/>
            </a:ext>
          </a:extLst>
        </xdr:cNvPr>
        <xdr:cNvPicPr>
          <a:picLocks noChangeAspect="1" noChangeArrowheads="1"/>
        </xdr:cNvPicPr>
      </xdr:nvPicPr>
      <xdr:blipFill>
        <a:blip xmlns:r="http://schemas.openxmlformats.org/officeDocument/2006/relationships" r:embed="rId50" cstate="email">
          <a:extLst>
            <a:ext uri="{28A0092B-C50C-407E-A947-70E740481C1C}">
              <a14:useLocalDpi xmlns:a14="http://schemas.microsoft.com/office/drawing/2010/main"/>
            </a:ext>
          </a:extLst>
        </a:blip>
        <a:srcRect/>
        <a:stretch>
          <a:fillRect/>
        </a:stretch>
      </xdr:blipFill>
      <xdr:spPr>
        <a:xfrm flipV="1">
          <a:off x="3587610" y="52661225"/>
          <a:ext cx="370648" cy="80868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499500</xdr:colOff>
      <xdr:row>125</xdr:row>
      <xdr:rowOff>80342</xdr:rowOff>
    </xdr:from>
    <xdr:to>
      <xdr:col>4</xdr:col>
      <xdr:colOff>767314</xdr:colOff>
      <xdr:row>125</xdr:row>
      <xdr:rowOff>985630</xdr:rowOff>
    </xdr:to>
    <xdr:pic>
      <xdr:nvPicPr>
        <xdr:cNvPr id="69" name="图片 228" descr="http://sgcdn.uniview.com/res/201503/27/20150327_1602788_1_787516_140445_0.jpg">
          <a:extLst>
            <a:ext uri="{FF2B5EF4-FFF2-40B4-BE49-F238E27FC236}">
              <a16:creationId xmlns:a16="http://schemas.microsoft.com/office/drawing/2014/main" id="{F07519CE-8BC4-47F0-B872-2F4D105F3BD4}"/>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a:ext>
          </a:extLst>
        </a:blip>
        <a:srcRect/>
        <a:stretch>
          <a:fillRect/>
        </a:stretch>
      </xdr:blipFill>
      <xdr:spPr>
        <a:xfrm>
          <a:off x="4817500" y="52607542"/>
          <a:ext cx="267814" cy="9052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82219</xdr:colOff>
      <xdr:row>133</xdr:row>
      <xdr:rowOff>72762</xdr:rowOff>
    </xdr:from>
    <xdr:to>
      <xdr:col>2</xdr:col>
      <xdr:colOff>1181431</xdr:colOff>
      <xdr:row>133</xdr:row>
      <xdr:rowOff>875252</xdr:rowOff>
    </xdr:to>
    <xdr:pic>
      <xdr:nvPicPr>
        <xdr:cNvPr id="70" name="图片 229" descr="http://sgcdn.uniview.com/res/201511/10/20151110_1605287_1-B_788242_140445_0.jpg">
          <a:extLst>
            <a:ext uri="{FF2B5EF4-FFF2-40B4-BE49-F238E27FC236}">
              <a16:creationId xmlns:a16="http://schemas.microsoft.com/office/drawing/2014/main" id="{37381517-F372-4776-84A5-65CFB6074968}"/>
            </a:ext>
          </a:extLst>
        </xdr:cNvPr>
        <xdr:cNvPicPr>
          <a:picLocks noChangeAspect="1" noChangeArrowheads="1"/>
        </xdr:cNvPicPr>
      </xdr:nvPicPr>
      <xdr:blipFill>
        <a:blip xmlns:r="http://schemas.openxmlformats.org/officeDocument/2006/relationships" r:embed="rId52" cstate="email">
          <a:extLst>
            <a:ext uri="{28A0092B-C50C-407E-A947-70E740481C1C}">
              <a14:useLocalDpi xmlns:a14="http://schemas.microsoft.com/office/drawing/2010/main"/>
            </a:ext>
          </a:extLst>
        </a:blip>
        <a:srcRect/>
        <a:stretch>
          <a:fillRect/>
        </a:stretch>
      </xdr:blipFill>
      <xdr:spPr>
        <a:xfrm>
          <a:off x="2074519" y="55838462"/>
          <a:ext cx="999212" cy="80249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90500</xdr:colOff>
      <xdr:row>133</xdr:row>
      <xdr:rowOff>74543</xdr:rowOff>
    </xdr:from>
    <xdr:to>
      <xdr:col>3</xdr:col>
      <xdr:colOff>1057276</xdr:colOff>
      <xdr:row>133</xdr:row>
      <xdr:rowOff>963543</xdr:rowOff>
    </xdr:to>
    <xdr:pic>
      <xdr:nvPicPr>
        <xdr:cNvPr id="71" name="图片 230" descr="http://sgcdn.uniview.com/res/201802/09/20180209_1611831_11_790301_140445_0.jpg">
          <a:extLst>
            <a:ext uri="{FF2B5EF4-FFF2-40B4-BE49-F238E27FC236}">
              <a16:creationId xmlns:a16="http://schemas.microsoft.com/office/drawing/2014/main" id="{3B164530-6C8D-42A2-867E-D89A54A4CDFB}"/>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a:xfrm>
          <a:off x="3295650" y="55840243"/>
          <a:ext cx="866776" cy="889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4</xdr:col>
      <xdr:colOff>202685</xdr:colOff>
      <xdr:row>133</xdr:row>
      <xdr:rowOff>37158</xdr:rowOff>
    </xdr:from>
    <xdr:to>
      <xdr:col>4</xdr:col>
      <xdr:colOff>919371</xdr:colOff>
      <xdr:row>133</xdr:row>
      <xdr:rowOff>1011656</xdr:rowOff>
    </xdr:to>
    <xdr:pic>
      <xdr:nvPicPr>
        <xdr:cNvPr id="72" name="图片 231" descr="http://sgcdn.uniview.com/res/201511/10/20151110_1605273_1-B_788193_140445_0.jpg">
          <a:extLst>
            <a:ext uri="{FF2B5EF4-FFF2-40B4-BE49-F238E27FC236}">
              <a16:creationId xmlns:a16="http://schemas.microsoft.com/office/drawing/2014/main" id="{6D1F7C7F-EAA4-46AC-8582-0F671ACC3529}"/>
            </a:ext>
          </a:extLst>
        </xdr:cNvPr>
        <xdr:cNvPicPr>
          <a:picLocks noChangeAspect="1" noChangeArrowheads="1"/>
        </xdr:cNvPicPr>
      </xdr:nvPicPr>
      <xdr:blipFill>
        <a:blip xmlns:r="http://schemas.openxmlformats.org/officeDocument/2006/relationships" r:embed="rId53" cstate="email">
          <a:extLst>
            <a:ext uri="{28A0092B-C50C-407E-A947-70E740481C1C}">
              <a14:useLocalDpi xmlns:a14="http://schemas.microsoft.com/office/drawing/2010/main"/>
            </a:ext>
          </a:extLst>
        </a:blip>
        <a:srcRect/>
        <a:stretch>
          <a:fillRect/>
        </a:stretch>
      </xdr:blipFill>
      <xdr:spPr>
        <a:xfrm>
          <a:off x="4520685" y="55802858"/>
          <a:ext cx="716686" cy="97449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483152</xdr:colOff>
      <xdr:row>141</xdr:row>
      <xdr:rowOff>66259</xdr:rowOff>
    </xdr:from>
    <xdr:to>
      <xdr:col>3</xdr:col>
      <xdr:colOff>885550</xdr:colOff>
      <xdr:row>141</xdr:row>
      <xdr:rowOff>944217</xdr:rowOff>
    </xdr:to>
    <xdr:pic>
      <xdr:nvPicPr>
        <xdr:cNvPr id="73" name="图片 232" descr="http://sgcdn.uniview.com/res/201802/09/20180209_1611792_11_790265_140445_0.jpg">
          <a:extLst>
            <a:ext uri="{FF2B5EF4-FFF2-40B4-BE49-F238E27FC236}">
              <a16:creationId xmlns:a16="http://schemas.microsoft.com/office/drawing/2014/main" id="{3D72AC6D-3432-4919-9D9A-337AF08C2243}"/>
            </a:ext>
          </a:extLst>
        </xdr:cNvPr>
        <xdr:cNvPicPr>
          <a:picLocks noChangeAspect="1" noChangeArrowheads="1"/>
        </xdr:cNvPicPr>
      </xdr:nvPicPr>
      <xdr:blipFill>
        <a:blip xmlns:r="http://schemas.openxmlformats.org/officeDocument/2006/relationships" r:embed="rId54" cstate="email">
          <a:extLst>
            <a:ext uri="{28A0092B-C50C-407E-A947-70E740481C1C}">
              <a14:useLocalDpi xmlns:a14="http://schemas.microsoft.com/office/drawing/2010/main"/>
            </a:ext>
          </a:extLst>
        </a:blip>
        <a:srcRect/>
        <a:stretch>
          <a:fillRect/>
        </a:stretch>
      </xdr:blipFill>
      <xdr:spPr>
        <a:xfrm flipV="1">
          <a:off x="3588302" y="58975209"/>
          <a:ext cx="402398" cy="87795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5</xdr:col>
      <xdr:colOff>24848</xdr:colOff>
      <xdr:row>141</xdr:row>
      <xdr:rowOff>74543</xdr:rowOff>
    </xdr:from>
    <xdr:to>
      <xdr:col>5</xdr:col>
      <xdr:colOff>1076410</xdr:colOff>
      <xdr:row>141</xdr:row>
      <xdr:rowOff>939731</xdr:rowOff>
    </xdr:to>
    <xdr:pic>
      <xdr:nvPicPr>
        <xdr:cNvPr id="74" name="图片 233" descr="http://sgcdn.uniview.com/res/201511/10/20151110_1605287_1-B_788242_140445_0.jpg">
          <a:extLst>
            <a:ext uri="{FF2B5EF4-FFF2-40B4-BE49-F238E27FC236}">
              <a16:creationId xmlns:a16="http://schemas.microsoft.com/office/drawing/2014/main" id="{8058174B-5F31-49AE-9552-4A818616823C}"/>
            </a:ext>
          </a:extLst>
        </xdr:cNvPr>
        <xdr:cNvPicPr>
          <a:picLocks noChangeAspect="1" noChangeArrowheads="1"/>
        </xdr:cNvPicPr>
      </xdr:nvPicPr>
      <xdr:blipFill>
        <a:blip xmlns:r="http://schemas.openxmlformats.org/officeDocument/2006/relationships" r:embed="rId55" cstate="email">
          <a:extLst>
            <a:ext uri="{28A0092B-C50C-407E-A947-70E740481C1C}">
              <a14:useLocalDpi xmlns:a14="http://schemas.microsoft.com/office/drawing/2010/main"/>
            </a:ext>
          </a:extLst>
        </a:blip>
        <a:srcRect/>
        <a:stretch>
          <a:fillRect/>
        </a:stretch>
      </xdr:blipFill>
      <xdr:spPr>
        <a:xfrm>
          <a:off x="5504898" y="58983493"/>
          <a:ext cx="1051562" cy="8651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157370</xdr:colOff>
      <xdr:row>141</xdr:row>
      <xdr:rowOff>24848</xdr:rowOff>
    </xdr:from>
    <xdr:to>
      <xdr:col>6</xdr:col>
      <xdr:colOff>1024146</xdr:colOff>
      <xdr:row>141</xdr:row>
      <xdr:rowOff>913848</xdr:rowOff>
    </xdr:to>
    <xdr:pic>
      <xdr:nvPicPr>
        <xdr:cNvPr id="75" name="图片 234" descr="http://sgcdn.uniview.com/res/201802/09/20180209_1611831_11_790301_140445_0.jpg">
          <a:extLst>
            <a:ext uri="{FF2B5EF4-FFF2-40B4-BE49-F238E27FC236}">
              <a16:creationId xmlns:a16="http://schemas.microsoft.com/office/drawing/2014/main" id="{6F787D4E-54E0-4A7D-8593-8F00BD9BD0B2}"/>
            </a:ext>
          </a:extLst>
        </xdr:cNvPr>
        <xdr:cNvPicPr>
          <a:picLocks noChangeAspect="1" noChangeArrowheads="1"/>
        </xdr:cNvPicPr>
      </xdr:nvPicPr>
      <xdr:blipFill>
        <a:blip xmlns:r="http://schemas.openxmlformats.org/officeDocument/2006/relationships" r:embed="rId48" cstate="email">
          <a:extLst>
            <a:ext uri="{28A0092B-C50C-407E-A947-70E740481C1C}">
              <a14:useLocalDpi xmlns:a14="http://schemas.microsoft.com/office/drawing/2010/main"/>
            </a:ext>
          </a:extLst>
        </a:blip>
        <a:srcRect/>
        <a:stretch>
          <a:fillRect/>
        </a:stretch>
      </xdr:blipFill>
      <xdr:spPr>
        <a:xfrm>
          <a:off x="6869320" y="58933798"/>
          <a:ext cx="866776" cy="889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7</xdr:col>
      <xdr:colOff>35533</xdr:colOff>
      <xdr:row>141</xdr:row>
      <xdr:rowOff>109743</xdr:rowOff>
    </xdr:from>
    <xdr:to>
      <xdr:col>7</xdr:col>
      <xdr:colOff>1149411</xdr:colOff>
      <xdr:row>141</xdr:row>
      <xdr:rowOff>894521</xdr:rowOff>
    </xdr:to>
    <xdr:pic>
      <xdr:nvPicPr>
        <xdr:cNvPr id="76" name="图片 235" descr="http://sgcdn.uniview.com/res/201503/27/20150327_1602777_1_787508_140445_0.jpg">
          <a:extLst>
            <a:ext uri="{FF2B5EF4-FFF2-40B4-BE49-F238E27FC236}">
              <a16:creationId xmlns:a16="http://schemas.microsoft.com/office/drawing/2014/main" id="{DC17DDF8-2527-4C1F-B18C-CD3DB6EDEB7B}"/>
            </a:ext>
          </a:extLst>
        </xdr:cNvPr>
        <xdr:cNvPicPr>
          <a:picLocks noChangeAspect="1" noChangeArrowheads="1"/>
        </xdr:cNvPicPr>
      </xdr:nvPicPr>
      <xdr:blipFill>
        <a:blip xmlns:r="http://schemas.openxmlformats.org/officeDocument/2006/relationships" r:embed="rId56" cstate="email">
          <a:extLst>
            <a:ext uri="{28A0092B-C50C-407E-A947-70E740481C1C}">
              <a14:useLocalDpi xmlns:a14="http://schemas.microsoft.com/office/drawing/2010/main"/>
            </a:ext>
          </a:extLst>
        </a:blip>
        <a:srcRect/>
        <a:stretch>
          <a:fillRect/>
        </a:stretch>
      </xdr:blipFill>
      <xdr:spPr>
        <a:xfrm>
          <a:off x="8246083" y="59018693"/>
          <a:ext cx="1113878" cy="7847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44145</xdr:colOff>
      <xdr:row>19</xdr:row>
      <xdr:rowOff>15240</xdr:rowOff>
    </xdr:from>
    <xdr:to>
      <xdr:col>3</xdr:col>
      <xdr:colOff>1138057</xdr:colOff>
      <xdr:row>20</xdr:row>
      <xdr:rowOff>2026</xdr:rowOff>
    </xdr:to>
    <xdr:pic>
      <xdr:nvPicPr>
        <xdr:cNvPr id="77" name="图片 236" descr="http://sgcdn.uniview.com/res/201802/09/20180209_1611817_11_790286_140445_0.jpg">
          <a:extLst>
            <a:ext uri="{FF2B5EF4-FFF2-40B4-BE49-F238E27FC236}">
              <a16:creationId xmlns:a16="http://schemas.microsoft.com/office/drawing/2014/main" id="{0C4759CC-54E9-42B1-B864-62E4F52FAD59}"/>
            </a:ext>
          </a:extLst>
        </xdr:cNvPr>
        <xdr:cNvPicPr>
          <a:picLocks noChangeAspect="1" noChangeArrowheads="1"/>
        </xdr:cNvPicPr>
      </xdr:nvPicPr>
      <xdr:blipFill>
        <a:blip xmlns:r="http://schemas.openxmlformats.org/officeDocument/2006/relationships" r:embed="rId57" cstate="email">
          <a:extLst>
            <a:ext uri="{28A0092B-C50C-407E-A947-70E740481C1C}">
              <a14:useLocalDpi xmlns:a14="http://schemas.microsoft.com/office/drawing/2010/main"/>
            </a:ext>
          </a:extLst>
        </a:blip>
        <a:srcRect/>
        <a:stretch>
          <a:fillRect/>
        </a:stretch>
      </xdr:blipFill>
      <xdr:spPr>
        <a:xfrm>
          <a:off x="3249295" y="7457440"/>
          <a:ext cx="993912" cy="90753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361950</xdr:colOff>
      <xdr:row>27</xdr:row>
      <xdr:rowOff>238125</xdr:rowOff>
    </xdr:from>
    <xdr:ext cx="713943" cy="0"/>
    <xdr:pic>
      <xdr:nvPicPr>
        <xdr:cNvPr id="78" name="图片 237">
          <a:extLst>
            <a:ext uri="{FF2B5EF4-FFF2-40B4-BE49-F238E27FC236}">
              <a16:creationId xmlns:a16="http://schemas.microsoft.com/office/drawing/2014/main" id="{E7A807F5-1F1E-4983-9A2A-302564426710}"/>
            </a:ext>
          </a:extLst>
        </xdr:cNvPr>
        <xdr:cNvPicPr>
          <a:picLocks noChangeAspect="1"/>
        </xdr:cNvPicPr>
      </xdr:nvPicPr>
      <xdr:blipFill>
        <a:blip xmlns:r="http://schemas.openxmlformats.org/officeDocument/2006/relationships" r:embed="rId13" cstate="print">
          <a:extLst>
            <a:ext uri="{28A0092B-C50C-407E-A947-70E740481C1C}">
              <a14:useLocalDpi xmlns:a14="http://schemas.microsoft.com/office/drawing/2010/main"/>
            </a:ext>
          </a:extLst>
        </a:blip>
        <a:srcRect/>
        <a:stretch>
          <a:fillRect/>
        </a:stretch>
      </xdr:blipFill>
      <xdr:spPr>
        <a:xfrm>
          <a:off x="2254250" y="11376025"/>
          <a:ext cx="713943" cy="0"/>
        </a:xfrm>
        <a:prstGeom prst="rect">
          <a:avLst/>
        </a:prstGeom>
        <a:noFill/>
        <a:ln w="9525">
          <a:noFill/>
          <a:miter lim="800000"/>
          <a:headEnd/>
          <a:tailEnd/>
        </a:ln>
      </xdr:spPr>
    </xdr:pic>
    <xdr:clientData/>
  </xdr:oneCellAnchor>
  <xdr:twoCellAnchor editAs="oneCell">
    <xdr:from>
      <xdr:col>2</xdr:col>
      <xdr:colOff>112058</xdr:colOff>
      <xdr:row>27</xdr:row>
      <xdr:rowOff>190499</xdr:rowOff>
    </xdr:from>
    <xdr:to>
      <xdr:col>2</xdr:col>
      <xdr:colOff>1071380</xdr:colOff>
      <xdr:row>27</xdr:row>
      <xdr:rowOff>806823</xdr:rowOff>
    </xdr:to>
    <xdr:pic>
      <xdr:nvPicPr>
        <xdr:cNvPr id="79" name="Picture 2">
          <a:extLst>
            <a:ext uri="{FF2B5EF4-FFF2-40B4-BE49-F238E27FC236}">
              <a16:creationId xmlns:a16="http://schemas.microsoft.com/office/drawing/2014/main" id="{BF372C23-6160-4078-8B89-8A4FB3418BBB}"/>
            </a:ext>
          </a:extLst>
        </xdr:cNvPr>
        <xdr:cNvPicPr>
          <a:picLocks noChangeAspect="1" noChangeArrowheads="1"/>
        </xdr:cNvPicPr>
      </xdr:nvPicPr>
      <xdr:blipFill>
        <a:blip xmlns:r="http://schemas.openxmlformats.org/officeDocument/2006/relationships" r:embed="rId26" cstate="email">
          <a:extLst>
            <a:ext uri="{28A0092B-C50C-407E-A947-70E740481C1C}">
              <a14:useLocalDpi xmlns:a14="http://schemas.microsoft.com/office/drawing/2010/main"/>
            </a:ext>
          </a:extLst>
        </a:blip>
        <a:srcRect/>
        <a:stretch>
          <a:fillRect/>
        </a:stretch>
      </xdr:blipFill>
      <xdr:spPr>
        <a:xfrm>
          <a:off x="2004358" y="11328399"/>
          <a:ext cx="959322" cy="616324"/>
        </a:xfrm>
        <a:prstGeom prst="rect">
          <a:avLst/>
        </a:prstGeom>
        <a:noFill/>
        <a:ln w="9525">
          <a:noFill/>
          <a:miter lim="800000"/>
          <a:headEnd/>
          <a:tailEnd/>
        </a:ln>
      </xdr:spPr>
    </xdr:pic>
    <xdr:clientData/>
  </xdr:twoCellAnchor>
  <xdr:twoCellAnchor editAs="oneCell">
    <xdr:from>
      <xdr:col>3</xdr:col>
      <xdr:colOff>66262</xdr:colOff>
      <xdr:row>27</xdr:row>
      <xdr:rowOff>49697</xdr:rowOff>
    </xdr:from>
    <xdr:to>
      <xdr:col>3</xdr:col>
      <xdr:colOff>1060174</xdr:colOff>
      <xdr:row>27</xdr:row>
      <xdr:rowOff>957233</xdr:rowOff>
    </xdr:to>
    <xdr:pic>
      <xdr:nvPicPr>
        <xdr:cNvPr id="80" name="图片 239" descr="http://sgcdn.uniview.com/res/201802/09/20180209_1611817_11_790286_140445_0.jpg">
          <a:extLst>
            <a:ext uri="{FF2B5EF4-FFF2-40B4-BE49-F238E27FC236}">
              <a16:creationId xmlns:a16="http://schemas.microsoft.com/office/drawing/2014/main" id="{F03204A4-D077-4B5B-A635-E6C32B1FCA3B}"/>
            </a:ext>
          </a:extLst>
        </xdr:cNvPr>
        <xdr:cNvPicPr>
          <a:picLocks noChangeAspect="1" noChangeArrowheads="1"/>
        </xdr:cNvPicPr>
      </xdr:nvPicPr>
      <xdr:blipFill>
        <a:blip xmlns:r="http://schemas.openxmlformats.org/officeDocument/2006/relationships" r:embed="rId57" cstate="email">
          <a:extLst>
            <a:ext uri="{28A0092B-C50C-407E-A947-70E740481C1C}">
              <a14:useLocalDpi xmlns:a14="http://schemas.microsoft.com/office/drawing/2010/main"/>
            </a:ext>
          </a:extLst>
        </a:blip>
        <a:srcRect/>
        <a:stretch>
          <a:fillRect/>
        </a:stretch>
      </xdr:blipFill>
      <xdr:spPr>
        <a:xfrm>
          <a:off x="3171412" y="11187597"/>
          <a:ext cx="993912" cy="90753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4</xdr:col>
      <xdr:colOff>403412</xdr:colOff>
      <xdr:row>27</xdr:row>
      <xdr:rowOff>291354</xdr:rowOff>
    </xdr:from>
    <xdr:ext cx="350520" cy="448310"/>
    <xdr:pic>
      <xdr:nvPicPr>
        <xdr:cNvPr id="81" name="图片 240" descr="134345546">
          <a:extLst>
            <a:ext uri="{FF2B5EF4-FFF2-40B4-BE49-F238E27FC236}">
              <a16:creationId xmlns:a16="http://schemas.microsoft.com/office/drawing/2014/main" id="{F7072978-66A2-4887-9844-3D213E3DD428}"/>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4721412" y="11429254"/>
          <a:ext cx="350520" cy="448310"/>
        </a:xfrm>
        <a:prstGeom prst="rect">
          <a:avLst/>
        </a:prstGeom>
      </xdr:spPr>
    </xdr:pic>
    <xdr:clientData/>
  </xdr:oneCellAnchor>
  <xdr:twoCellAnchor editAs="oneCell">
    <xdr:from>
      <xdr:col>0</xdr:col>
      <xdr:colOff>0</xdr:colOff>
      <xdr:row>11</xdr:row>
      <xdr:rowOff>1001486</xdr:rowOff>
    </xdr:from>
    <xdr:to>
      <xdr:col>0</xdr:col>
      <xdr:colOff>948814</xdr:colOff>
      <xdr:row>14</xdr:row>
      <xdr:rowOff>463043</xdr:rowOff>
    </xdr:to>
    <xdr:pic>
      <xdr:nvPicPr>
        <xdr:cNvPr id="82" name="图片 241">
          <a:extLst>
            <a:ext uri="{FF2B5EF4-FFF2-40B4-BE49-F238E27FC236}">
              <a16:creationId xmlns:a16="http://schemas.microsoft.com/office/drawing/2014/main" id="{C827DE6A-399E-4A17-9F11-9B4F9287810C}"/>
            </a:ext>
          </a:extLst>
        </xdr:cNvPr>
        <xdr:cNvPicPr>
          <a:picLocks noChangeAspect="1"/>
        </xdr:cNvPicPr>
      </xdr:nvPicPr>
      <xdr:blipFill>
        <a:blip xmlns:r="http://schemas.openxmlformats.org/officeDocument/2006/relationships" r:embed="rId58" cstate="email">
          <a:extLst>
            <a:ext uri="{28A0092B-C50C-407E-A947-70E740481C1C}">
              <a14:useLocalDpi xmlns:a14="http://schemas.microsoft.com/office/drawing/2010/main"/>
            </a:ext>
          </a:extLst>
        </a:blip>
        <a:srcRect/>
        <a:stretch>
          <a:fillRect/>
        </a:stretch>
      </xdr:blipFill>
      <xdr:spPr>
        <a:xfrm>
          <a:off x="0" y="4665436"/>
          <a:ext cx="948814" cy="833157"/>
        </a:xfrm>
        <a:prstGeom prst="rect">
          <a:avLst/>
        </a:prstGeom>
      </xdr:spPr>
    </xdr:pic>
    <xdr:clientData/>
  </xdr:twoCellAnchor>
  <xdr:twoCellAnchor editAs="oneCell">
    <xdr:from>
      <xdr:col>0</xdr:col>
      <xdr:colOff>0</xdr:colOff>
      <xdr:row>19</xdr:row>
      <xdr:rowOff>489856</xdr:rowOff>
    </xdr:from>
    <xdr:to>
      <xdr:col>0</xdr:col>
      <xdr:colOff>808352</xdr:colOff>
      <xdr:row>20</xdr:row>
      <xdr:rowOff>180975</xdr:rowOff>
    </xdr:to>
    <xdr:pic>
      <xdr:nvPicPr>
        <xdr:cNvPr id="83" name="图片 242">
          <a:extLst>
            <a:ext uri="{FF2B5EF4-FFF2-40B4-BE49-F238E27FC236}">
              <a16:creationId xmlns:a16="http://schemas.microsoft.com/office/drawing/2014/main" id="{F0411E31-92D8-41C5-9052-34693647BD93}"/>
            </a:ext>
          </a:extLst>
        </xdr:cNvPr>
        <xdr:cNvPicPr>
          <a:picLocks noChangeAspect="1"/>
        </xdr:cNvPicPr>
      </xdr:nvPicPr>
      <xdr:blipFill>
        <a:blip xmlns:r="http://schemas.openxmlformats.org/officeDocument/2006/relationships" r:embed="rId59" cstate="email">
          <a:extLst>
            <a:ext uri="{28A0092B-C50C-407E-A947-70E740481C1C}">
              <a14:useLocalDpi xmlns:a14="http://schemas.microsoft.com/office/drawing/2010/main"/>
            </a:ext>
          </a:extLst>
        </a:blip>
        <a:srcRect/>
        <a:stretch>
          <a:fillRect/>
        </a:stretch>
      </xdr:blipFill>
      <xdr:spPr>
        <a:xfrm>
          <a:off x="0" y="7932056"/>
          <a:ext cx="808352" cy="611869"/>
        </a:xfrm>
        <a:prstGeom prst="rect">
          <a:avLst/>
        </a:prstGeom>
        <a:ln>
          <a:noFill/>
        </a:ln>
      </xdr:spPr>
    </xdr:pic>
    <xdr:clientData/>
  </xdr:twoCellAnchor>
  <xdr:twoCellAnchor editAs="oneCell">
    <xdr:from>
      <xdr:col>0</xdr:col>
      <xdr:colOff>32657</xdr:colOff>
      <xdr:row>21</xdr:row>
      <xdr:rowOff>108857</xdr:rowOff>
    </xdr:from>
    <xdr:to>
      <xdr:col>0</xdr:col>
      <xdr:colOff>736426</xdr:colOff>
      <xdr:row>22</xdr:row>
      <xdr:rowOff>511720</xdr:rowOff>
    </xdr:to>
    <xdr:pic>
      <xdr:nvPicPr>
        <xdr:cNvPr id="84" name="图片 243">
          <a:extLst>
            <a:ext uri="{FF2B5EF4-FFF2-40B4-BE49-F238E27FC236}">
              <a16:creationId xmlns:a16="http://schemas.microsoft.com/office/drawing/2014/main" id="{D8768A1A-ACF8-49F7-9429-8D3E40BB20CE}"/>
            </a:ext>
          </a:extLst>
        </xdr:cNvPr>
        <xdr:cNvPicPr>
          <a:picLocks noChangeAspect="1"/>
        </xdr:cNvPicPr>
      </xdr:nvPicPr>
      <xdr:blipFill>
        <a:blip xmlns:r="http://schemas.openxmlformats.org/officeDocument/2006/relationships" r:embed="rId60" cstate="email">
          <a:extLst>
            <a:ext uri="{28A0092B-C50C-407E-A947-70E740481C1C}">
              <a14:useLocalDpi xmlns:a14="http://schemas.microsoft.com/office/drawing/2010/main"/>
            </a:ext>
          </a:extLst>
        </a:blip>
        <a:stretch>
          <a:fillRect/>
        </a:stretch>
      </xdr:blipFill>
      <xdr:spPr>
        <a:xfrm>
          <a:off x="32657" y="8840107"/>
          <a:ext cx="703769" cy="587013"/>
        </a:xfrm>
        <a:prstGeom prst="rect">
          <a:avLst/>
        </a:prstGeom>
      </xdr:spPr>
    </xdr:pic>
    <xdr:clientData/>
  </xdr:twoCellAnchor>
  <xdr:twoCellAnchor editAs="oneCell">
    <xdr:from>
      <xdr:col>0</xdr:col>
      <xdr:colOff>0</xdr:colOff>
      <xdr:row>27</xdr:row>
      <xdr:rowOff>979713</xdr:rowOff>
    </xdr:from>
    <xdr:to>
      <xdr:col>0</xdr:col>
      <xdr:colOff>818908</xdr:colOff>
      <xdr:row>30</xdr:row>
      <xdr:rowOff>8761</xdr:rowOff>
    </xdr:to>
    <xdr:pic>
      <xdr:nvPicPr>
        <xdr:cNvPr id="85" name="图片 244">
          <a:extLst>
            <a:ext uri="{FF2B5EF4-FFF2-40B4-BE49-F238E27FC236}">
              <a16:creationId xmlns:a16="http://schemas.microsoft.com/office/drawing/2014/main" id="{07052881-0FB8-4C6B-845C-F9F1BC7DE0AB}"/>
            </a:ext>
          </a:extLst>
        </xdr:cNvPr>
        <xdr:cNvPicPr>
          <a:picLocks noChangeAspect="1"/>
        </xdr:cNvPicPr>
      </xdr:nvPicPr>
      <xdr:blipFill>
        <a:blip xmlns:r="http://schemas.openxmlformats.org/officeDocument/2006/relationships" r:embed="rId61" cstate="email">
          <a:extLst>
            <a:ext uri="{28A0092B-C50C-407E-A947-70E740481C1C}">
              <a14:useLocalDpi xmlns:a14="http://schemas.microsoft.com/office/drawing/2010/main"/>
            </a:ext>
          </a:extLst>
        </a:blip>
        <a:srcRect/>
        <a:stretch>
          <a:fillRect/>
        </a:stretch>
      </xdr:blipFill>
      <xdr:spPr>
        <a:xfrm>
          <a:off x="0" y="12117613"/>
          <a:ext cx="818908" cy="667348"/>
        </a:xfrm>
        <a:prstGeom prst="rect">
          <a:avLst/>
        </a:prstGeom>
        <a:ln>
          <a:noFill/>
        </a:ln>
      </xdr:spPr>
    </xdr:pic>
    <xdr:clientData/>
  </xdr:twoCellAnchor>
  <xdr:twoCellAnchor editAs="oneCell">
    <xdr:from>
      <xdr:col>0</xdr:col>
      <xdr:colOff>106045</xdr:colOff>
      <xdr:row>35</xdr:row>
      <xdr:rowOff>250190</xdr:rowOff>
    </xdr:from>
    <xdr:to>
      <xdr:col>0</xdr:col>
      <xdr:colOff>872845</xdr:colOff>
      <xdr:row>35</xdr:row>
      <xdr:rowOff>1024288</xdr:rowOff>
    </xdr:to>
    <xdr:pic>
      <xdr:nvPicPr>
        <xdr:cNvPr id="86" name="图片 245">
          <a:extLst>
            <a:ext uri="{FF2B5EF4-FFF2-40B4-BE49-F238E27FC236}">
              <a16:creationId xmlns:a16="http://schemas.microsoft.com/office/drawing/2014/main" id="{CB0502FC-A0CA-4B51-B7B3-0536C0D025DD}"/>
            </a:ext>
          </a:extLst>
        </xdr:cNvPr>
        <xdr:cNvPicPr>
          <a:picLocks noChangeAspect="1"/>
        </xdr:cNvPicPr>
      </xdr:nvPicPr>
      <xdr:blipFill>
        <a:blip xmlns:r="http://schemas.openxmlformats.org/officeDocument/2006/relationships" r:embed="rId62" cstate="email">
          <a:extLst>
            <a:ext uri="{28A0092B-C50C-407E-A947-70E740481C1C}">
              <a14:useLocalDpi xmlns:a14="http://schemas.microsoft.com/office/drawing/2010/main"/>
            </a:ext>
          </a:extLst>
        </a:blip>
        <a:stretch>
          <a:fillRect/>
        </a:stretch>
      </xdr:blipFill>
      <xdr:spPr>
        <a:xfrm>
          <a:off x="106045" y="15248890"/>
          <a:ext cx="766800" cy="774098"/>
        </a:xfrm>
        <a:prstGeom prst="rect">
          <a:avLst/>
        </a:prstGeom>
      </xdr:spPr>
    </xdr:pic>
    <xdr:clientData/>
  </xdr:twoCellAnchor>
  <xdr:twoCellAnchor editAs="oneCell">
    <xdr:from>
      <xdr:col>5</xdr:col>
      <xdr:colOff>495935</xdr:colOff>
      <xdr:row>19</xdr:row>
      <xdr:rowOff>86360</xdr:rowOff>
    </xdr:from>
    <xdr:to>
      <xdr:col>5</xdr:col>
      <xdr:colOff>991235</xdr:colOff>
      <xdr:row>20</xdr:row>
      <xdr:rowOff>48260</xdr:rowOff>
    </xdr:to>
    <xdr:pic>
      <xdr:nvPicPr>
        <xdr:cNvPr id="87" name="图片 246" descr="untitled.880.png">
          <a:extLst>
            <a:ext uri="{FF2B5EF4-FFF2-40B4-BE49-F238E27FC236}">
              <a16:creationId xmlns:a16="http://schemas.microsoft.com/office/drawing/2014/main" id="{37428100-7684-4951-AFE6-4B7E48060559}"/>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a:ext>
          </a:extLst>
        </a:blip>
        <a:srcRect/>
        <a:stretch>
          <a:fillRect/>
        </a:stretch>
      </xdr:blipFill>
      <xdr:spPr>
        <a:xfrm>
          <a:off x="5975985" y="7528560"/>
          <a:ext cx="495300" cy="882650"/>
        </a:xfrm>
        <a:prstGeom prst="rect">
          <a:avLst/>
        </a:prstGeom>
      </xdr:spPr>
    </xdr:pic>
    <xdr:clientData/>
  </xdr:twoCellAnchor>
  <xdr:twoCellAnchor editAs="oneCell">
    <xdr:from>
      <xdr:col>6</xdr:col>
      <xdr:colOff>530225</xdr:colOff>
      <xdr:row>19</xdr:row>
      <xdr:rowOff>34290</xdr:rowOff>
    </xdr:from>
    <xdr:to>
      <xdr:col>6</xdr:col>
      <xdr:colOff>996950</xdr:colOff>
      <xdr:row>20</xdr:row>
      <xdr:rowOff>34290</xdr:rowOff>
    </xdr:to>
    <xdr:pic>
      <xdr:nvPicPr>
        <xdr:cNvPr id="88" name="图片 247" descr="untitled.882.png">
          <a:extLst>
            <a:ext uri="{FF2B5EF4-FFF2-40B4-BE49-F238E27FC236}">
              <a16:creationId xmlns:a16="http://schemas.microsoft.com/office/drawing/2014/main" id="{3EBFBBA7-F0B0-4FBB-964E-2F4FF14125F0}"/>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a:ext>
          </a:extLst>
        </a:blip>
        <a:srcRect/>
        <a:stretch>
          <a:fillRect/>
        </a:stretch>
      </xdr:blipFill>
      <xdr:spPr>
        <a:xfrm rot="10800000">
          <a:off x="7242175" y="7476490"/>
          <a:ext cx="466725" cy="920750"/>
        </a:xfrm>
        <a:prstGeom prst="rect">
          <a:avLst/>
        </a:prstGeom>
      </xdr:spPr>
    </xdr:pic>
    <xdr:clientData/>
  </xdr:twoCellAnchor>
  <xdr:twoCellAnchor editAs="oneCell">
    <xdr:from>
      <xdr:col>7</xdr:col>
      <xdr:colOff>554355</xdr:colOff>
      <xdr:row>19</xdr:row>
      <xdr:rowOff>12700</xdr:rowOff>
    </xdr:from>
    <xdr:to>
      <xdr:col>7</xdr:col>
      <xdr:colOff>973456</xdr:colOff>
      <xdr:row>19</xdr:row>
      <xdr:rowOff>915379</xdr:rowOff>
    </xdr:to>
    <xdr:pic>
      <xdr:nvPicPr>
        <xdr:cNvPr id="89" name="图片 248" descr="untitled.885.png">
          <a:extLst>
            <a:ext uri="{FF2B5EF4-FFF2-40B4-BE49-F238E27FC236}">
              <a16:creationId xmlns:a16="http://schemas.microsoft.com/office/drawing/2014/main" id="{7E3F575A-CB5E-475E-8B5D-60A656C86CEB}"/>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a:ext>
          </a:extLst>
        </a:blip>
        <a:srcRect/>
        <a:stretch>
          <a:fillRect/>
        </a:stretch>
      </xdr:blipFill>
      <xdr:spPr>
        <a:xfrm rot="10800000">
          <a:off x="8764905" y="7454900"/>
          <a:ext cx="419101" cy="902679"/>
        </a:xfrm>
        <a:prstGeom prst="rect">
          <a:avLst/>
        </a:prstGeom>
      </xdr:spPr>
    </xdr:pic>
    <xdr:clientData/>
  </xdr:twoCellAnchor>
  <xdr:twoCellAnchor editAs="oneCell">
    <xdr:from>
      <xdr:col>5</xdr:col>
      <xdr:colOff>361950</xdr:colOff>
      <xdr:row>27</xdr:row>
      <xdr:rowOff>76200</xdr:rowOff>
    </xdr:from>
    <xdr:to>
      <xdr:col>5</xdr:col>
      <xdr:colOff>857250</xdr:colOff>
      <xdr:row>27</xdr:row>
      <xdr:rowOff>962025</xdr:rowOff>
    </xdr:to>
    <xdr:pic>
      <xdr:nvPicPr>
        <xdr:cNvPr id="90" name="图片 249" descr="untitled.880.png">
          <a:extLst>
            <a:ext uri="{FF2B5EF4-FFF2-40B4-BE49-F238E27FC236}">
              <a16:creationId xmlns:a16="http://schemas.microsoft.com/office/drawing/2014/main" id="{16A91EDF-52B9-422F-9195-F8871D2585CC}"/>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a:ext>
          </a:extLst>
        </a:blip>
        <a:srcRect/>
        <a:stretch>
          <a:fillRect/>
        </a:stretch>
      </xdr:blipFill>
      <xdr:spPr>
        <a:xfrm>
          <a:off x="5842000" y="11214100"/>
          <a:ext cx="495300" cy="885825"/>
        </a:xfrm>
        <a:prstGeom prst="rect">
          <a:avLst/>
        </a:prstGeom>
      </xdr:spPr>
    </xdr:pic>
    <xdr:clientData/>
  </xdr:twoCellAnchor>
  <xdr:twoCellAnchor editAs="oneCell">
    <xdr:from>
      <xdr:col>6</xdr:col>
      <xdr:colOff>295275</xdr:colOff>
      <xdr:row>27</xdr:row>
      <xdr:rowOff>57150</xdr:rowOff>
    </xdr:from>
    <xdr:to>
      <xdr:col>6</xdr:col>
      <xdr:colOff>762000</xdr:colOff>
      <xdr:row>27</xdr:row>
      <xdr:rowOff>981075</xdr:rowOff>
    </xdr:to>
    <xdr:pic>
      <xdr:nvPicPr>
        <xdr:cNvPr id="91" name="图片 250" descr="untitled.882.png">
          <a:extLst>
            <a:ext uri="{FF2B5EF4-FFF2-40B4-BE49-F238E27FC236}">
              <a16:creationId xmlns:a16="http://schemas.microsoft.com/office/drawing/2014/main" id="{108CF54E-EC24-4E31-8BE7-4437F4D412EF}"/>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a:ext>
          </a:extLst>
        </a:blip>
        <a:srcRect/>
        <a:stretch>
          <a:fillRect/>
        </a:stretch>
      </xdr:blipFill>
      <xdr:spPr>
        <a:xfrm rot="10800000">
          <a:off x="7007225" y="11195050"/>
          <a:ext cx="466725" cy="923925"/>
        </a:xfrm>
        <a:prstGeom prst="rect">
          <a:avLst/>
        </a:prstGeom>
      </xdr:spPr>
    </xdr:pic>
    <xdr:clientData/>
  </xdr:twoCellAnchor>
  <xdr:twoCellAnchor editAs="oneCell">
    <xdr:from>
      <xdr:col>7</xdr:col>
      <xdr:colOff>409573</xdr:colOff>
      <xdr:row>27</xdr:row>
      <xdr:rowOff>47623</xdr:rowOff>
    </xdr:from>
    <xdr:to>
      <xdr:col>7</xdr:col>
      <xdr:colOff>828674</xdr:colOff>
      <xdr:row>27</xdr:row>
      <xdr:rowOff>950302</xdr:rowOff>
    </xdr:to>
    <xdr:pic>
      <xdr:nvPicPr>
        <xdr:cNvPr id="92" name="图片 251" descr="untitled.885.png">
          <a:extLst>
            <a:ext uri="{FF2B5EF4-FFF2-40B4-BE49-F238E27FC236}">
              <a16:creationId xmlns:a16="http://schemas.microsoft.com/office/drawing/2014/main" id="{B1F108C7-D5A6-4B6A-BFE5-E6DAC7D6B219}"/>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a:ext>
          </a:extLst>
        </a:blip>
        <a:srcRect/>
        <a:stretch>
          <a:fillRect/>
        </a:stretch>
      </xdr:blipFill>
      <xdr:spPr>
        <a:xfrm rot="10800000">
          <a:off x="8620123" y="11185523"/>
          <a:ext cx="419101" cy="902679"/>
        </a:xfrm>
        <a:prstGeom prst="rect">
          <a:avLst/>
        </a:prstGeom>
      </xdr:spPr>
    </xdr:pic>
    <xdr:clientData/>
  </xdr:twoCellAnchor>
  <xdr:twoCellAnchor editAs="oneCell">
    <xdr:from>
      <xdr:col>6</xdr:col>
      <xdr:colOff>361950</xdr:colOff>
      <xdr:row>35</xdr:row>
      <xdr:rowOff>76200</xdr:rowOff>
    </xdr:from>
    <xdr:to>
      <xdr:col>6</xdr:col>
      <xdr:colOff>857250</xdr:colOff>
      <xdr:row>35</xdr:row>
      <xdr:rowOff>962025</xdr:rowOff>
    </xdr:to>
    <xdr:pic>
      <xdr:nvPicPr>
        <xdr:cNvPr id="93" name="图片 252" descr="untitled.880.png">
          <a:extLst>
            <a:ext uri="{FF2B5EF4-FFF2-40B4-BE49-F238E27FC236}">
              <a16:creationId xmlns:a16="http://schemas.microsoft.com/office/drawing/2014/main" id="{3B681C00-BAFF-4CA2-BFE3-DB53081B22F6}"/>
            </a:ext>
          </a:extLst>
        </xdr:cNvPr>
        <xdr:cNvPicPr>
          <a:picLocks noChangeAspect="1"/>
        </xdr:cNvPicPr>
      </xdr:nvPicPr>
      <xdr:blipFill>
        <a:blip xmlns:r="http://schemas.openxmlformats.org/officeDocument/2006/relationships" r:embed="rId63" cstate="email">
          <a:extLst>
            <a:ext uri="{28A0092B-C50C-407E-A947-70E740481C1C}">
              <a14:useLocalDpi xmlns:a14="http://schemas.microsoft.com/office/drawing/2010/main"/>
            </a:ext>
          </a:extLst>
        </a:blip>
        <a:srcRect/>
        <a:stretch>
          <a:fillRect/>
        </a:stretch>
      </xdr:blipFill>
      <xdr:spPr>
        <a:xfrm>
          <a:off x="7073900" y="15074900"/>
          <a:ext cx="495300" cy="885825"/>
        </a:xfrm>
        <a:prstGeom prst="rect">
          <a:avLst/>
        </a:prstGeom>
      </xdr:spPr>
    </xdr:pic>
    <xdr:clientData/>
  </xdr:twoCellAnchor>
  <xdr:twoCellAnchor editAs="oneCell">
    <xdr:from>
      <xdr:col>7</xdr:col>
      <xdr:colOff>295275</xdr:colOff>
      <xdr:row>35</xdr:row>
      <xdr:rowOff>57150</xdr:rowOff>
    </xdr:from>
    <xdr:to>
      <xdr:col>7</xdr:col>
      <xdr:colOff>762000</xdr:colOff>
      <xdr:row>35</xdr:row>
      <xdr:rowOff>981075</xdr:rowOff>
    </xdr:to>
    <xdr:pic>
      <xdr:nvPicPr>
        <xdr:cNvPr id="94" name="图片 253" descr="untitled.882.png">
          <a:extLst>
            <a:ext uri="{FF2B5EF4-FFF2-40B4-BE49-F238E27FC236}">
              <a16:creationId xmlns:a16="http://schemas.microsoft.com/office/drawing/2014/main" id="{DB497CA8-F7AF-4F42-B7C4-6B961098F9D5}"/>
            </a:ext>
          </a:extLst>
        </xdr:cNvPr>
        <xdr:cNvPicPr>
          <a:picLocks noChangeAspect="1"/>
        </xdr:cNvPicPr>
      </xdr:nvPicPr>
      <xdr:blipFill>
        <a:blip xmlns:r="http://schemas.openxmlformats.org/officeDocument/2006/relationships" r:embed="rId64" cstate="email">
          <a:extLst>
            <a:ext uri="{28A0092B-C50C-407E-A947-70E740481C1C}">
              <a14:useLocalDpi xmlns:a14="http://schemas.microsoft.com/office/drawing/2010/main"/>
            </a:ext>
          </a:extLst>
        </a:blip>
        <a:srcRect/>
        <a:stretch>
          <a:fillRect/>
        </a:stretch>
      </xdr:blipFill>
      <xdr:spPr>
        <a:xfrm rot="10800000">
          <a:off x="8505825" y="15055850"/>
          <a:ext cx="466725" cy="923925"/>
        </a:xfrm>
        <a:prstGeom prst="rect">
          <a:avLst/>
        </a:prstGeom>
      </xdr:spPr>
    </xdr:pic>
    <xdr:clientData/>
  </xdr:twoCellAnchor>
  <xdr:twoCellAnchor editAs="oneCell">
    <xdr:from>
      <xdr:col>8</xdr:col>
      <xdr:colOff>409573</xdr:colOff>
      <xdr:row>35</xdr:row>
      <xdr:rowOff>47623</xdr:rowOff>
    </xdr:from>
    <xdr:to>
      <xdr:col>8</xdr:col>
      <xdr:colOff>828674</xdr:colOff>
      <xdr:row>35</xdr:row>
      <xdr:rowOff>950302</xdr:rowOff>
    </xdr:to>
    <xdr:pic>
      <xdr:nvPicPr>
        <xdr:cNvPr id="95" name="图片 254" descr="untitled.885.png">
          <a:extLst>
            <a:ext uri="{FF2B5EF4-FFF2-40B4-BE49-F238E27FC236}">
              <a16:creationId xmlns:a16="http://schemas.microsoft.com/office/drawing/2014/main" id="{200F1B7A-D54B-4CD6-BFC7-898FEA749F68}"/>
            </a:ext>
          </a:extLst>
        </xdr:cNvPr>
        <xdr:cNvPicPr>
          <a:picLocks noChangeAspect="1"/>
        </xdr:cNvPicPr>
      </xdr:nvPicPr>
      <xdr:blipFill>
        <a:blip xmlns:r="http://schemas.openxmlformats.org/officeDocument/2006/relationships" r:embed="rId65" cstate="screen">
          <a:extLst>
            <a:ext uri="{28A0092B-C50C-407E-A947-70E740481C1C}">
              <a14:useLocalDpi xmlns:a14="http://schemas.microsoft.com/office/drawing/2010/main"/>
            </a:ext>
          </a:extLst>
        </a:blip>
        <a:srcRect/>
        <a:stretch>
          <a:fillRect/>
        </a:stretch>
      </xdr:blipFill>
      <xdr:spPr>
        <a:xfrm rot="10800000">
          <a:off x="9947273" y="15046323"/>
          <a:ext cx="419101" cy="902679"/>
        </a:xfrm>
        <a:prstGeom prst="rect">
          <a:avLst/>
        </a:prstGeom>
      </xdr:spPr>
    </xdr:pic>
    <xdr:clientData/>
  </xdr:twoCellAnchor>
  <xdr:twoCellAnchor editAs="oneCell">
    <xdr:from>
      <xdr:col>5</xdr:col>
      <xdr:colOff>133350</xdr:colOff>
      <xdr:row>43</xdr:row>
      <xdr:rowOff>37465</xdr:rowOff>
    </xdr:from>
    <xdr:to>
      <xdr:col>5</xdr:col>
      <xdr:colOff>1127262</xdr:colOff>
      <xdr:row>43</xdr:row>
      <xdr:rowOff>630676</xdr:rowOff>
    </xdr:to>
    <xdr:pic>
      <xdr:nvPicPr>
        <xdr:cNvPr id="96" name="图片 255" descr="http://sgcdn.uniview.com/res/201802/09/20180209_1611817_11_790286_140445_0.jpg">
          <a:extLst>
            <a:ext uri="{FF2B5EF4-FFF2-40B4-BE49-F238E27FC236}">
              <a16:creationId xmlns:a16="http://schemas.microsoft.com/office/drawing/2014/main" id="{D4E91B68-2604-42D6-BB77-BDF8DD47C20A}"/>
            </a:ext>
          </a:extLst>
        </xdr:cNvPr>
        <xdr:cNvPicPr>
          <a:picLocks noChangeAspect="1" noChangeArrowheads="1"/>
        </xdr:cNvPicPr>
      </xdr:nvPicPr>
      <xdr:blipFill>
        <a:blip xmlns:r="http://schemas.openxmlformats.org/officeDocument/2006/relationships" r:embed="rId66" cstate="email">
          <a:extLst>
            <a:ext uri="{28A0092B-C50C-407E-A947-70E740481C1C}">
              <a14:useLocalDpi xmlns:a14="http://schemas.microsoft.com/office/drawing/2010/main"/>
            </a:ext>
          </a:extLst>
        </a:blip>
        <a:srcRect/>
        <a:stretch>
          <a:fillRect/>
        </a:stretch>
      </xdr:blipFill>
      <xdr:spPr>
        <a:xfrm>
          <a:off x="5613400" y="18712815"/>
          <a:ext cx="993912" cy="59321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518795</xdr:colOff>
      <xdr:row>43</xdr:row>
      <xdr:rowOff>19685</xdr:rowOff>
    </xdr:from>
    <xdr:to>
      <xdr:col>6</xdr:col>
      <xdr:colOff>1014095</xdr:colOff>
      <xdr:row>43</xdr:row>
      <xdr:rowOff>776977</xdr:rowOff>
    </xdr:to>
    <xdr:pic>
      <xdr:nvPicPr>
        <xdr:cNvPr id="97" name="图片 256" descr="untitled.880.png">
          <a:extLst>
            <a:ext uri="{FF2B5EF4-FFF2-40B4-BE49-F238E27FC236}">
              <a16:creationId xmlns:a16="http://schemas.microsoft.com/office/drawing/2014/main" id="{1DF6EBDA-6238-40E0-81F1-C7D34BD7C1A2}"/>
            </a:ext>
          </a:extLst>
        </xdr:cNvPr>
        <xdr:cNvPicPr>
          <a:picLocks noChangeAspect="1"/>
        </xdr:cNvPicPr>
      </xdr:nvPicPr>
      <xdr:blipFill>
        <a:blip xmlns:r="http://schemas.openxmlformats.org/officeDocument/2006/relationships" r:embed="rId67" cstate="email">
          <a:extLst>
            <a:ext uri="{28A0092B-C50C-407E-A947-70E740481C1C}">
              <a14:useLocalDpi xmlns:a14="http://schemas.microsoft.com/office/drawing/2010/main"/>
            </a:ext>
          </a:extLst>
        </a:blip>
        <a:srcRect/>
        <a:stretch>
          <a:fillRect/>
        </a:stretch>
      </xdr:blipFill>
      <xdr:spPr>
        <a:xfrm>
          <a:off x="7230745" y="18695035"/>
          <a:ext cx="495300" cy="757292"/>
        </a:xfrm>
        <a:prstGeom prst="rect">
          <a:avLst/>
        </a:prstGeom>
      </xdr:spPr>
    </xdr:pic>
    <xdr:clientData/>
  </xdr:twoCellAnchor>
  <xdr:twoCellAnchor editAs="oneCell">
    <xdr:from>
      <xdr:col>7</xdr:col>
      <xdr:colOff>474345</xdr:colOff>
      <xdr:row>43</xdr:row>
      <xdr:rowOff>11430</xdr:rowOff>
    </xdr:from>
    <xdr:to>
      <xdr:col>7</xdr:col>
      <xdr:colOff>941070</xdr:colOff>
      <xdr:row>43</xdr:row>
      <xdr:rowOff>787772</xdr:rowOff>
    </xdr:to>
    <xdr:pic>
      <xdr:nvPicPr>
        <xdr:cNvPr id="98" name="图片 257" descr="untitled.882.png">
          <a:extLst>
            <a:ext uri="{FF2B5EF4-FFF2-40B4-BE49-F238E27FC236}">
              <a16:creationId xmlns:a16="http://schemas.microsoft.com/office/drawing/2014/main" id="{B02B03D3-5A35-4251-9783-2CF6F08CAB7A}"/>
            </a:ext>
          </a:extLst>
        </xdr:cNvPr>
        <xdr:cNvPicPr>
          <a:picLocks noChangeAspect="1"/>
        </xdr:cNvPicPr>
      </xdr:nvPicPr>
      <xdr:blipFill>
        <a:blip xmlns:r="http://schemas.openxmlformats.org/officeDocument/2006/relationships" r:embed="rId68" cstate="email">
          <a:extLst>
            <a:ext uri="{28A0092B-C50C-407E-A947-70E740481C1C}">
              <a14:useLocalDpi xmlns:a14="http://schemas.microsoft.com/office/drawing/2010/main"/>
            </a:ext>
          </a:extLst>
        </a:blip>
        <a:srcRect/>
        <a:stretch>
          <a:fillRect/>
        </a:stretch>
      </xdr:blipFill>
      <xdr:spPr>
        <a:xfrm rot="10800000">
          <a:off x="8684895" y="18686780"/>
          <a:ext cx="466725" cy="776342"/>
        </a:xfrm>
        <a:prstGeom prst="rect">
          <a:avLst/>
        </a:prstGeom>
      </xdr:spPr>
    </xdr:pic>
    <xdr:clientData/>
  </xdr:twoCellAnchor>
  <xdr:twoCellAnchor editAs="oneCell">
    <xdr:from>
      <xdr:col>8</xdr:col>
      <xdr:colOff>352425</xdr:colOff>
      <xdr:row>42</xdr:row>
      <xdr:rowOff>180975</xdr:rowOff>
    </xdr:from>
    <xdr:to>
      <xdr:col>8</xdr:col>
      <xdr:colOff>695325</xdr:colOff>
      <xdr:row>43</xdr:row>
      <xdr:rowOff>599143</xdr:rowOff>
    </xdr:to>
    <xdr:pic>
      <xdr:nvPicPr>
        <xdr:cNvPr id="99" name="图片 258" descr="untitled.885.png">
          <a:extLst>
            <a:ext uri="{FF2B5EF4-FFF2-40B4-BE49-F238E27FC236}">
              <a16:creationId xmlns:a16="http://schemas.microsoft.com/office/drawing/2014/main" id="{C21FB1BF-09F0-4182-9DA8-D50C0F6C11A9}"/>
            </a:ext>
          </a:extLst>
        </xdr:cNvPr>
        <xdr:cNvPicPr>
          <a:picLocks noChangeAspect="1"/>
        </xdr:cNvPicPr>
      </xdr:nvPicPr>
      <xdr:blipFill>
        <a:blip xmlns:r="http://schemas.openxmlformats.org/officeDocument/2006/relationships" r:embed="rId69" cstate="email">
          <a:extLst>
            <a:ext uri="{28A0092B-C50C-407E-A947-70E740481C1C}">
              <a14:useLocalDpi xmlns:a14="http://schemas.microsoft.com/office/drawing/2010/main"/>
            </a:ext>
          </a:extLst>
        </a:blip>
        <a:srcRect/>
        <a:stretch>
          <a:fillRect/>
        </a:stretch>
      </xdr:blipFill>
      <xdr:spPr>
        <a:xfrm rot="10800000">
          <a:off x="9890125" y="18665825"/>
          <a:ext cx="342900" cy="608668"/>
        </a:xfrm>
        <a:prstGeom prst="rect">
          <a:avLst/>
        </a:prstGeom>
      </xdr:spPr>
    </xdr:pic>
    <xdr:clientData/>
  </xdr:twoCellAnchor>
  <xdr:twoCellAnchor editAs="oneCell">
    <xdr:from>
      <xdr:col>4</xdr:col>
      <xdr:colOff>507365</xdr:colOff>
      <xdr:row>51</xdr:row>
      <xdr:rowOff>53340</xdr:rowOff>
    </xdr:from>
    <xdr:to>
      <xdr:col>4</xdr:col>
      <xdr:colOff>1002665</xdr:colOff>
      <xdr:row>51</xdr:row>
      <xdr:rowOff>994410</xdr:rowOff>
    </xdr:to>
    <xdr:pic>
      <xdr:nvPicPr>
        <xdr:cNvPr id="100" name="图片 259" descr="untitled.880.png">
          <a:extLst>
            <a:ext uri="{FF2B5EF4-FFF2-40B4-BE49-F238E27FC236}">
              <a16:creationId xmlns:a16="http://schemas.microsoft.com/office/drawing/2014/main" id="{55F74E99-C74E-47FD-B091-DA8F2283FD91}"/>
            </a:ext>
          </a:extLst>
        </xdr:cNvPr>
        <xdr:cNvPicPr>
          <a:picLocks noChangeAspect="1"/>
        </xdr:cNvPicPr>
      </xdr:nvPicPr>
      <xdr:blipFill>
        <a:blip xmlns:r="http://schemas.openxmlformats.org/officeDocument/2006/relationships" r:embed="rId70" cstate="email">
          <a:extLst>
            <a:ext uri="{28A0092B-C50C-407E-A947-70E740481C1C}">
              <a14:useLocalDpi xmlns:a14="http://schemas.microsoft.com/office/drawing/2010/main"/>
            </a:ext>
          </a:extLst>
        </a:blip>
        <a:srcRect/>
        <a:stretch>
          <a:fillRect/>
        </a:stretch>
      </xdr:blipFill>
      <xdr:spPr>
        <a:xfrm>
          <a:off x="4825365" y="22341840"/>
          <a:ext cx="495300" cy="941070"/>
        </a:xfrm>
        <a:prstGeom prst="rect">
          <a:avLst/>
        </a:prstGeom>
      </xdr:spPr>
    </xdr:pic>
    <xdr:clientData/>
  </xdr:twoCellAnchor>
  <xdr:twoCellAnchor editAs="oneCell">
    <xdr:from>
      <xdr:col>5</xdr:col>
      <xdr:colOff>418465</xdr:colOff>
      <xdr:row>51</xdr:row>
      <xdr:rowOff>45720</xdr:rowOff>
    </xdr:from>
    <xdr:to>
      <xdr:col>5</xdr:col>
      <xdr:colOff>885190</xdr:colOff>
      <xdr:row>51</xdr:row>
      <xdr:rowOff>1005840</xdr:rowOff>
    </xdr:to>
    <xdr:pic>
      <xdr:nvPicPr>
        <xdr:cNvPr id="101" name="图片 260" descr="untitled.882.png">
          <a:extLst>
            <a:ext uri="{FF2B5EF4-FFF2-40B4-BE49-F238E27FC236}">
              <a16:creationId xmlns:a16="http://schemas.microsoft.com/office/drawing/2014/main" id="{31A2AD89-9221-4A6D-B8B7-9EED3A9F3BFF}"/>
            </a:ext>
          </a:extLst>
        </xdr:cNvPr>
        <xdr:cNvPicPr>
          <a:picLocks noChangeAspect="1"/>
        </xdr:cNvPicPr>
      </xdr:nvPicPr>
      <xdr:blipFill>
        <a:blip xmlns:r="http://schemas.openxmlformats.org/officeDocument/2006/relationships" r:embed="rId71" cstate="email">
          <a:extLst>
            <a:ext uri="{28A0092B-C50C-407E-A947-70E740481C1C}">
              <a14:useLocalDpi xmlns:a14="http://schemas.microsoft.com/office/drawing/2010/main"/>
            </a:ext>
          </a:extLst>
        </a:blip>
        <a:srcRect/>
        <a:stretch>
          <a:fillRect/>
        </a:stretch>
      </xdr:blipFill>
      <xdr:spPr>
        <a:xfrm rot="10800000">
          <a:off x="5898515" y="22334220"/>
          <a:ext cx="466725" cy="960120"/>
        </a:xfrm>
        <a:prstGeom prst="rect">
          <a:avLst/>
        </a:prstGeom>
      </xdr:spPr>
    </xdr:pic>
    <xdr:clientData/>
  </xdr:twoCellAnchor>
  <xdr:twoCellAnchor editAs="oneCell">
    <xdr:from>
      <xdr:col>6</xdr:col>
      <xdr:colOff>554990</xdr:colOff>
      <xdr:row>51</xdr:row>
      <xdr:rowOff>80010</xdr:rowOff>
    </xdr:from>
    <xdr:to>
      <xdr:col>6</xdr:col>
      <xdr:colOff>974091</xdr:colOff>
      <xdr:row>51</xdr:row>
      <xdr:rowOff>868389</xdr:rowOff>
    </xdr:to>
    <xdr:pic>
      <xdr:nvPicPr>
        <xdr:cNvPr id="102" name="图片 261" descr="untitled.885.png">
          <a:extLst>
            <a:ext uri="{FF2B5EF4-FFF2-40B4-BE49-F238E27FC236}">
              <a16:creationId xmlns:a16="http://schemas.microsoft.com/office/drawing/2014/main" id="{B568B74A-A3A5-4A35-A122-038AA67AA327}"/>
            </a:ext>
          </a:extLst>
        </xdr:cNvPr>
        <xdr:cNvPicPr>
          <a:picLocks noChangeAspect="1"/>
        </xdr:cNvPicPr>
      </xdr:nvPicPr>
      <xdr:blipFill>
        <a:blip xmlns:r="http://schemas.openxmlformats.org/officeDocument/2006/relationships" r:embed="rId72" cstate="email">
          <a:extLst>
            <a:ext uri="{28A0092B-C50C-407E-A947-70E740481C1C}">
              <a14:useLocalDpi xmlns:a14="http://schemas.microsoft.com/office/drawing/2010/main"/>
            </a:ext>
          </a:extLst>
        </a:blip>
        <a:srcRect/>
        <a:stretch>
          <a:fillRect/>
        </a:stretch>
      </xdr:blipFill>
      <xdr:spPr>
        <a:xfrm rot="10800000">
          <a:off x="7266940" y="22368510"/>
          <a:ext cx="419101" cy="788379"/>
        </a:xfrm>
        <a:prstGeom prst="rect">
          <a:avLst/>
        </a:prstGeom>
      </xdr:spPr>
    </xdr:pic>
    <xdr:clientData/>
  </xdr:twoCellAnchor>
  <xdr:twoCellAnchor editAs="oneCell">
    <xdr:from>
      <xdr:col>4</xdr:col>
      <xdr:colOff>439420</xdr:colOff>
      <xdr:row>59</xdr:row>
      <xdr:rowOff>52705</xdr:rowOff>
    </xdr:from>
    <xdr:to>
      <xdr:col>4</xdr:col>
      <xdr:colOff>934720</xdr:colOff>
      <xdr:row>59</xdr:row>
      <xdr:rowOff>983746</xdr:rowOff>
    </xdr:to>
    <xdr:pic>
      <xdr:nvPicPr>
        <xdr:cNvPr id="103" name="图片 262" descr="untitled.880.png">
          <a:extLst>
            <a:ext uri="{FF2B5EF4-FFF2-40B4-BE49-F238E27FC236}">
              <a16:creationId xmlns:a16="http://schemas.microsoft.com/office/drawing/2014/main" id="{929FA248-CD3B-4B8F-983D-F17576FAC324}"/>
            </a:ext>
          </a:extLst>
        </xdr:cNvPr>
        <xdr:cNvPicPr>
          <a:picLocks noChangeAspect="1"/>
        </xdr:cNvPicPr>
      </xdr:nvPicPr>
      <xdr:blipFill>
        <a:blip xmlns:r="http://schemas.openxmlformats.org/officeDocument/2006/relationships" r:embed="rId73" cstate="email">
          <a:extLst>
            <a:ext uri="{28A0092B-C50C-407E-A947-70E740481C1C}">
              <a14:useLocalDpi xmlns:a14="http://schemas.microsoft.com/office/drawing/2010/main"/>
            </a:ext>
          </a:extLst>
        </a:blip>
        <a:srcRect/>
        <a:stretch>
          <a:fillRect/>
        </a:stretch>
      </xdr:blipFill>
      <xdr:spPr>
        <a:xfrm>
          <a:off x="4757420" y="26075005"/>
          <a:ext cx="495300" cy="931041"/>
        </a:xfrm>
        <a:prstGeom prst="rect">
          <a:avLst/>
        </a:prstGeom>
      </xdr:spPr>
    </xdr:pic>
    <xdr:clientData/>
  </xdr:twoCellAnchor>
  <xdr:twoCellAnchor editAs="oneCell">
    <xdr:from>
      <xdr:col>5</xdr:col>
      <xdr:colOff>429895</xdr:colOff>
      <xdr:row>59</xdr:row>
      <xdr:rowOff>12065</xdr:rowOff>
    </xdr:from>
    <xdr:to>
      <xdr:col>5</xdr:col>
      <xdr:colOff>896620</xdr:colOff>
      <xdr:row>59</xdr:row>
      <xdr:rowOff>962156</xdr:rowOff>
    </xdr:to>
    <xdr:pic>
      <xdr:nvPicPr>
        <xdr:cNvPr id="104" name="图片 263" descr="untitled.882.png">
          <a:extLst>
            <a:ext uri="{FF2B5EF4-FFF2-40B4-BE49-F238E27FC236}">
              <a16:creationId xmlns:a16="http://schemas.microsoft.com/office/drawing/2014/main" id="{78C5671B-134C-4732-AF57-0E191BD44A95}"/>
            </a:ext>
          </a:extLst>
        </xdr:cNvPr>
        <xdr:cNvPicPr>
          <a:picLocks noChangeAspect="1"/>
        </xdr:cNvPicPr>
      </xdr:nvPicPr>
      <xdr:blipFill>
        <a:blip xmlns:r="http://schemas.openxmlformats.org/officeDocument/2006/relationships" r:embed="rId74" cstate="email">
          <a:extLst>
            <a:ext uri="{28A0092B-C50C-407E-A947-70E740481C1C}">
              <a14:useLocalDpi xmlns:a14="http://schemas.microsoft.com/office/drawing/2010/main"/>
            </a:ext>
          </a:extLst>
        </a:blip>
        <a:srcRect/>
        <a:stretch>
          <a:fillRect/>
        </a:stretch>
      </xdr:blipFill>
      <xdr:spPr>
        <a:xfrm rot="10800000">
          <a:off x="5909945" y="26034365"/>
          <a:ext cx="466725" cy="950091"/>
        </a:xfrm>
        <a:prstGeom prst="rect">
          <a:avLst/>
        </a:prstGeom>
      </xdr:spPr>
    </xdr:pic>
    <xdr:clientData/>
  </xdr:twoCellAnchor>
  <xdr:twoCellAnchor editAs="oneCell">
    <xdr:from>
      <xdr:col>6</xdr:col>
      <xdr:colOff>576580</xdr:colOff>
      <xdr:row>59</xdr:row>
      <xdr:rowOff>34925</xdr:rowOff>
    </xdr:from>
    <xdr:to>
      <xdr:col>6</xdr:col>
      <xdr:colOff>995681</xdr:colOff>
      <xdr:row>59</xdr:row>
      <xdr:rowOff>823304</xdr:rowOff>
    </xdr:to>
    <xdr:pic>
      <xdr:nvPicPr>
        <xdr:cNvPr id="105" name="图片 264" descr="untitled.885.png">
          <a:extLst>
            <a:ext uri="{FF2B5EF4-FFF2-40B4-BE49-F238E27FC236}">
              <a16:creationId xmlns:a16="http://schemas.microsoft.com/office/drawing/2014/main" id="{B07D0DBA-109B-41B8-A11F-CF78D5C42608}"/>
            </a:ext>
          </a:extLst>
        </xdr:cNvPr>
        <xdr:cNvPicPr>
          <a:picLocks noChangeAspect="1"/>
        </xdr:cNvPicPr>
      </xdr:nvPicPr>
      <xdr:blipFill>
        <a:blip xmlns:r="http://schemas.openxmlformats.org/officeDocument/2006/relationships" r:embed="rId72" cstate="email">
          <a:extLst>
            <a:ext uri="{28A0092B-C50C-407E-A947-70E740481C1C}">
              <a14:useLocalDpi xmlns:a14="http://schemas.microsoft.com/office/drawing/2010/main"/>
            </a:ext>
          </a:extLst>
        </a:blip>
        <a:srcRect/>
        <a:stretch>
          <a:fillRect/>
        </a:stretch>
      </xdr:blipFill>
      <xdr:spPr>
        <a:xfrm rot="10800000">
          <a:off x="7288530" y="26057225"/>
          <a:ext cx="419101" cy="788379"/>
        </a:xfrm>
        <a:prstGeom prst="rect">
          <a:avLst/>
        </a:prstGeom>
      </xdr:spPr>
    </xdr:pic>
    <xdr:clientData/>
  </xdr:twoCellAnchor>
  <xdr:twoCellAnchor editAs="oneCell">
    <xdr:from>
      <xdr:col>9</xdr:col>
      <xdr:colOff>421341</xdr:colOff>
      <xdr:row>141</xdr:row>
      <xdr:rowOff>38100</xdr:rowOff>
    </xdr:from>
    <xdr:to>
      <xdr:col>9</xdr:col>
      <xdr:colOff>556105</xdr:colOff>
      <xdr:row>141</xdr:row>
      <xdr:rowOff>1047750</xdr:rowOff>
    </xdr:to>
    <xdr:pic>
      <xdr:nvPicPr>
        <xdr:cNvPr id="106" name="Picture 20">
          <a:extLst>
            <a:ext uri="{FF2B5EF4-FFF2-40B4-BE49-F238E27FC236}">
              <a16:creationId xmlns:a16="http://schemas.microsoft.com/office/drawing/2014/main" id="{5FBDFCD3-8C44-478F-BBD8-0EEA6C165370}"/>
            </a:ext>
          </a:extLst>
        </xdr:cNvPr>
        <xdr:cNvPicPr>
          <a:picLocks noChangeAspect="1" noChangeArrowheads="1"/>
        </xdr:cNvPicPr>
      </xdr:nvPicPr>
      <xdr:blipFill>
        <a:blip xmlns:r="http://schemas.openxmlformats.org/officeDocument/2006/relationships" r:embed="rId16" cstate="email">
          <a:extLst>
            <a:ext uri="{28A0092B-C50C-407E-A947-70E740481C1C}">
              <a14:useLocalDpi xmlns:a14="http://schemas.microsoft.com/office/drawing/2010/main"/>
            </a:ext>
          </a:extLst>
        </a:blip>
        <a:srcRect/>
        <a:stretch>
          <a:fillRect/>
        </a:stretch>
      </xdr:blipFill>
      <xdr:spPr>
        <a:xfrm>
          <a:off x="11038541" y="58947050"/>
          <a:ext cx="134764" cy="1009650"/>
        </a:xfrm>
        <a:prstGeom prst="rect">
          <a:avLst/>
        </a:prstGeom>
        <a:noFill/>
      </xdr:spPr>
    </xdr:pic>
    <xdr:clientData/>
  </xdr:twoCellAnchor>
  <xdr:twoCellAnchor editAs="oneCell">
    <xdr:from>
      <xdr:col>8</xdr:col>
      <xdr:colOff>499500</xdr:colOff>
      <xdr:row>141</xdr:row>
      <xdr:rowOff>80342</xdr:rowOff>
    </xdr:from>
    <xdr:to>
      <xdr:col>8</xdr:col>
      <xdr:colOff>767314</xdr:colOff>
      <xdr:row>141</xdr:row>
      <xdr:rowOff>985630</xdr:rowOff>
    </xdr:to>
    <xdr:pic>
      <xdr:nvPicPr>
        <xdr:cNvPr id="107" name="图片 266" descr="http://sgcdn.uniview.com/res/201503/27/20150327_1602788_1_787516_140445_0.jpg">
          <a:extLst>
            <a:ext uri="{FF2B5EF4-FFF2-40B4-BE49-F238E27FC236}">
              <a16:creationId xmlns:a16="http://schemas.microsoft.com/office/drawing/2014/main" id="{2405E03C-B478-46AB-98D7-BFC261F4D20D}"/>
            </a:ext>
          </a:extLst>
        </xdr:cNvPr>
        <xdr:cNvPicPr>
          <a:picLocks noChangeAspect="1" noChangeArrowheads="1"/>
        </xdr:cNvPicPr>
      </xdr:nvPicPr>
      <xdr:blipFill>
        <a:blip xmlns:r="http://schemas.openxmlformats.org/officeDocument/2006/relationships" r:embed="rId51" cstate="email">
          <a:extLst>
            <a:ext uri="{28A0092B-C50C-407E-A947-70E740481C1C}">
              <a14:useLocalDpi xmlns:a14="http://schemas.microsoft.com/office/drawing/2010/main"/>
            </a:ext>
          </a:extLst>
        </a:blip>
        <a:srcRect/>
        <a:stretch>
          <a:fillRect/>
        </a:stretch>
      </xdr:blipFill>
      <xdr:spPr>
        <a:xfrm>
          <a:off x="10037200" y="58989292"/>
          <a:ext cx="267814" cy="90528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3</xdr:col>
      <xdr:colOff>414618</xdr:colOff>
      <xdr:row>99</xdr:row>
      <xdr:rowOff>324972</xdr:rowOff>
    </xdr:from>
    <xdr:ext cx="350520" cy="448310"/>
    <xdr:pic>
      <xdr:nvPicPr>
        <xdr:cNvPr id="108" name="图片 267" descr="134345546">
          <a:extLst>
            <a:ext uri="{FF2B5EF4-FFF2-40B4-BE49-F238E27FC236}">
              <a16:creationId xmlns:a16="http://schemas.microsoft.com/office/drawing/2014/main" id="{3BA30A93-D267-4B75-8B09-AADE10FF1D1D}"/>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3519768" y="42590572"/>
          <a:ext cx="350520" cy="448310"/>
        </a:xfrm>
        <a:prstGeom prst="rect">
          <a:avLst/>
        </a:prstGeom>
      </xdr:spPr>
    </xdr:pic>
    <xdr:clientData/>
  </xdr:oneCellAnchor>
  <xdr:twoCellAnchor editAs="oneCell">
    <xdr:from>
      <xdr:col>0</xdr:col>
      <xdr:colOff>47625</xdr:colOff>
      <xdr:row>101</xdr:row>
      <xdr:rowOff>180975</xdr:rowOff>
    </xdr:from>
    <xdr:to>
      <xdr:col>0</xdr:col>
      <xdr:colOff>866775</xdr:colOff>
      <xdr:row>102</xdr:row>
      <xdr:rowOff>389162</xdr:rowOff>
    </xdr:to>
    <xdr:pic>
      <xdr:nvPicPr>
        <xdr:cNvPr id="109" name="图片 268">
          <a:extLst>
            <a:ext uri="{FF2B5EF4-FFF2-40B4-BE49-F238E27FC236}">
              <a16:creationId xmlns:a16="http://schemas.microsoft.com/office/drawing/2014/main" id="{605000B1-5032-42A7-BFB7-6460CD8CDBC3}"/>
            </a:ext>
          </a:extLst>
        </xdr:cNvPr>
        <xdr:cNvPicPr/>
      </xdr:nvPicPr>
      <xdr:blipFill>
        <a:blip xmlns:r="http://schemas.openxmlformats.org/officeDocument/2006/relationships" r:embed="rId75" cstate="email">
          <a:extLst>
            <a:ext uri="{28A0092B-C50C-407E-A947-70E740481C1C}">
              <a14:useLocalDpi xmlns:a14="http://schemas.microsoft.com/office/drawing/2010/main"/>
            </a:ext>
          </a:extLst>
        </a:blip>
        <a:srcRect/>
        <a:stretch>
          <a:fillRect/>
        </a:stretch>
      </xdr:blipFill>
      <xdr:spPr>
        <a:xfrm>
          <a:off x="47625" y="43551475"/>
          <a:ext cx="819150" cy="392337"/>
        </a:xfrm>
        <a:prstGeom prst="rect">
          <a:avLst/>
        </a:prstGeom>
        <a:ln>
          <a:noFill/>
        </a:ln>
      </xdr:spPr>
    </xdr:pic>
    <xdr:clientData/>
  </xdr:twoCellAnchor>
  <xdr:twoCellAnchor>
    <xdr:from>
      <xdr:col>2</xdr:col>
      <xdr:colOff>333375</xdr:colOff>
      <xdr:row>91</xdr:row>
      <xdr:rowOff>276225</xdr:rowOff>
    </xdr:from>
    <xdr:to>
      <xdr:col>2</xdr:col>
      <xdr:colOff>1076325</xdr:colOff>
      <xdr:row>91</xdr:row>
      <xdr:rowOff>977526</xdr:rowOff>
    </xdr:to>
    <xdr:pic>
      <xdr:nvPicPr>
        <xdr:cNvPr id="110" name="Picture 2">
          <a:extLst>
            <a:ext uri="{FF2B5EF4-FFF2-40B4-BE49-F238E27FC236}">
              <a16:creationId xmlns:a16="http://schemas.microsoft.com/office/drawing/2014/main" id="{DF89C0A6-6649-4E19-A3AC-A3A900FA9440}"/>
            </a:ext>
          </a:extLst>
        </xdr:cNvPr>
        <xdr:cNvPicPr>
          <a:picLocks noChangeAspect="1" noChangeArrowheads="1"/>
        </xdr:cNvPicPr>
      </xdr:nvPicPr>
      <xdr:blipFill>
        <a:blip xmlns:r="http://schemas.openxmlformats.org/officeDocument/2006/relationships" r:embed="rId76" cstate="email">
          <a:extLst>
            <a:ext uri="{28A0092B-C50C-407E-A947-70E740481C1C}">
              <a14:useLocalDpi xmlns:a14="http://schemas.microsoft.com/office/drawing/2010/main"/>
            </a:ext>
          </a:extLst>
        </a:blip>
        <a:srcRect/>
        <a:stretch>
          <a:fillRect/>
        </a:stretch>
      </xdr:blipFill>
      <xdr:spPr>
        <a:xfrm>
          <a:off x="2225675" y="39322375"/>
          <a:ext cx="742950" cy="7013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xdr:spPr>
    </xdr:pic>
    <xdr:clientData/>
  </xdr:twoCellAnchor>
  <xdr:twoCellAnchor>
    <xdr:from>
      <xdr:col>2</xdr:col>
      <xdr:colOff>285750</xdr:colOff>
      <xdr:row>99</xdr:row>
      <xdr:rowOff>114300</xdr:rowOff>
    </xdr:from>
    <xdr:to>
      <xdr:col>2</xdr:col>
      <xdr:colOff>1083478</xdr:colOff>
      <xdr:row>99</xdr:row>
      <xdr:rowOff>775446</xdr:rowOff>
    </xdr:to>
    <xdr:pic>
      <xdr:nvPicPr>
        <xdr:cNvPr id="111" name="图片 270" descr="TR-JB06-F">
          <a:extLst>
            <a:ext uri="{FF2B5EF4-FFF2-40B4-BE49-F238E27FC236}">
              <a16:creationId xmlns:a16="http://schemas.microsoft.com/office/drawing/2014/main" id="{11225274-D2DD-4499-A161-79031262922F}"/>
            </a:ext>
          </a:extLst>
        </xdr:cNvPr>
        <xdr:cNvPicPr>
          <a:picLocks noChangeAspect="1" noChangeArrowheads="1"/>
        </xdr:cNvPicPr>
      </xdr:nvPicPr>
      <xdr:blipFill>
        <a:blip xmlns:r="http://schemas.openxmlformats.org/officeDocument/2006/relationships" r:embed="rId77" cstate="email">
          <a:extLst>
            <a:ext uri="{28A0092B-C50C-407E-A947-70E740481C1C}">
              <a14:useLocalDpi xmlns:a14="http://schemas.microsoft.com/office/drawing/2010/main"/>
            </a:ext>
          </a:extLst>
        </a:blip>
        <a:srcRect/>
        <a:stretch>
          <a:fillRect/>
        </a:stretch>
      </xdr:blipFill>
      <xdr:spPr>
        <a:xfrm>
          <a:off x="2178050" y="42379900"/>
          <a:ext cx="797728" cy="6611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xdr:col>
      <xdr:colOff>419100</xdr:colOff>
      <xdr:row>91</xdr:row>
      <xdr:rowOff>257175</xdr:rowOff>
    </xdr:from>
    <xdr:to>
      <xdr:col>3</xdr:col>
      <xdr:colOff>914400</xdr:colOff>
      <xdr:row>91</xdr:row>
      <xdr:rowOff>971550</xdr:rowOff>
    </xdr:to>
    <xdr:pic>
      <xdr:nvPicPr>
        <xdr:cNvPr id="112" name="图片 271">
          <a:extLst>
            <a:ext uri="{FF2B5EF4-FFF2-40B4-BE49-F238E27FC236}">
              <a16:creationId xmlns:a16="http://schemas.microsoft.com/office/drawing/2014/main" id="{53EA4637-0D33-411E-99B8-9B540CE4729E}"/>
            </a:ext>
          </a:extLst>
        </xdr:cNvPr>
        <xdr:cNvPicPr/>
      </xdr:nvPicPr>
      <xdr:blipFill>
        <a:blip xmlns:r="http://schemas.openxmlformats.org/officeDocument/2006/relationships" r:embed="rId78" cstate="email">
          <a:extLst>
            <a:ext uri="{28A0092B-C50C-407E-A947-70E740481C1C}">
              <a14:useLocalDpi xmlns:a14="http://schemas.microsoft.com/office/drawing/2010/main"/>
            </a:ext>
          </a:extLst>
        </a:blip>
        <a:srcRect/>
        <a:stretch>
          <a:fillRect/>
        </a:stretch>
      </xdr:blipFill>
      <xdr:spPr>
        <a:xfrm>
          <a:off x="3524250" y="39303325"/>
          <a:ext cx="495300" cy="714375"/>
        </a:xfrm>
        <a:prstGeom prst="rect">
          <a:avLst/>
        </a:prstGeom>
        <a:noFill/>
        <a:ln w="9525">
          <a:noFill/>
          <a:miter lim="800000"/>
          <a:headEnd/>
          <a:tailEnd/>
        </a:ln>
      </xdr:spPr>
    </xdr:pic>
    <xdr:clientData/>
  </xdr:twoCellAnchor>
  <xdr:twoCellAnchor>
    <xdr:from>
      <xdr:col>5</xdr:col>
      <xdr:colOff>409574</xdr:colOff>
      <xdr:row>91</xdr:row>
      <xdr:rowOff>209550</xdr:rowOff>
    </xdr:from>
    <xdr:to>
      <xdr:col>5</xdr:col>
      <xdr:colOff>838199</xdr:colOff>
      <xdr:row>91</xdr:row>
      <xdr:rowOff>914400</xdr:rowOff>
    </xdr:to>
    <xdr:pic>
      <xdr:nvPicPr>
        <xdr:cNvPr id="113" name="图片 272">
          <a:extLst>
            <a:ext uri="{FF2B5EF4-FFF2-40B4-BE49-F238E27FC236}">
              <a16:creationId xmlns:a16="http://schemas.microsoft.com/office/drawing/2014/main" id="{65E3C78C-C679-46ED-BAEE-AC482A8B2609}"/>
            </a:ext>
          </a:extLst>
        </xdr:cNvPr>
        <xdr:cNvPicPr/>
      </xdr:nvPicPr>
      <xdr:blipFill>
        <a:blip xmlns:r="http://schemas.openxmlformats.org/officeDocument/2006/relationships" r:embed="rId79" cstate="email">
          <a:extLst>
            <a:ext uri="{28A0092B-C50C-407E-A947-70E740481C1C}">
              <a14:useLocalDpi xmlns:a14="http://schemas.microsoft.com/office/drawing/2010/main"/>
            </a:ext>
          </a:extLst>
        </a:blip>
        <a:srcRect/>
        <a:stretch>
          <a:fillRect/>
        </a:stretch>
      </xdr:blipFill>
      <xdr:spPr>
        <a:xfrm>
          <a:off x="5889624" y="39255700"/>
          <a:ext cx="428625" cy="704850"/>
        </a:xfrm>
        <a:prstGeom prst="rect">
          <a:avLst/>
        </a:prstGeom>
        <a:noFill/>
        <a:ln w="9525">
          <a:noFill/>
          <a:miter lim="800000"/>
          <a:headEnd/>
          <a:tailEnd/>
        </a:ln>
      </xdr:spPr>
    </xdr:pic>
    <xdr:clientData/>
  </xdr:twoCellAnchor>
  <xdr:twoCellAnchor>
    <xdr:from>
      <xdr:col>4</xdr:col>
      <xdr:colOff>437515</xdr:colOff>
      <xdr:row>99</xdr:row>
      <xdr:rowOff>74295</xdr:rowOff>
    </xdr:from>
    <xdr:to>
      <xdr:col>4</xdr:col>
      <xdr:colOff>866140</xdr:colOff>
      <xdr:row>99</xdr:row>
      <xdr:rowOff>779145</xdr:rowOff>
    </xdr:to>
    <xdr:pic>
      <xdr:nvPicPr>
        <xdr:cNvPr id="114" name="图片 273">
          <a:extLst>
            <a:ext uri="{FF2B5EF4-FFF2-40B4-BE49-F238E27FC236}">
              <a16:creationId xmlns:a16="http://schemas.microsoft.com/office/drawing/2014/main" id="{B53EA322-0150-451D-AC59-9DA336FE34B9}"/>
            </a:ext>
          </a:extLst>
        </xdr:cNvPr>
        <xdr:cNvPicPr/>
      </xdr:nvPicPr>
      <xdr:blipFill>
        <a:blip xmlns:r="http://schemas.openxmlformats.org/officeDocument/2006/relationships" r:embed="rId79" cstate="email">
          <a:extLst>
            <a:ext uri="{28A0092B-C50C-407E-A947-70E740481C1C}">
              <a14:useLocalDpi xmlns:a14="http://schemas.microsoft.com/office/drawing/2010/main"/>
            </a:ext>
          </a:extLst>
        </a:blip>
        <a:srcRect/>
        <a:stretch>
          <a:fillRect/>
        </a:stretch>
      </xdr:blipFill>
      <xdr:spPr>
        <a:xfrm>
          <a:off x="4755515" y="42339895"/>
          <a:ext cx="428625" cy="704850"/>
        </a:xfrm>
        <a:prstGeom prst="rect">
          <a:avLst/>
        </a:prstGeom>
        <a:noFill/>
        <a:ln w="9525">
          <a:noFill/>
          <a:miter lim="800000"/>
          <a:headEnd/>
          <a:tailEnd/>
        </a:ln>
      </xdr:spPr>
    </xdr:pic>
    <xdr:clientData/>
  </xdr:twoCellAnchor>
  <xdr:twoCellAnchor>
    <xdr:from>
      <xdr:col>2</xdr:col>
      <xdr:colOff>523875</xdr:colOff>
      <xdr:row>68</xdr:row>
      <xdr:rowOff>200025</xdr:rowOff>
    </xdr:from>
    <xdr:to>
      <xdr:col>2</xdr:col>
      <xdr:colOff>1019175</xdr:colOff>
      <xdr:row>68</xdr:row>
      <xdr:rowOff>914400</xdr:rowOff>
    </xdr:to>
    <xdr:pic>
      <xdr:nvPicPr>
        <xdr:cNvPr id="115" name="图片 274">
          <a:extLst>
            <a:ext uri="{FF2B5EF4-FFF2-40B4-BE49-F238E27FC236}">
              <a16:creationId xmlns:a16="http://schemas.microsoft.com/office/drawing/2014/main" id="{725F90F4-17F7-46E2-A085-A0E30604DCDF}"/>
            </a:ext>
          </a:extLst>
        </xdr:cNvPr>
        <xdr:cNvPicPr/>
      </xdr:nvPicPr>
      <xdr:blipFill>
        <a:blip xmlns:r="http://schemas.openxmlformats.org/officeDocument/2006/relationships" r:embed="rId78" cstate="email">
          <a:extLst>
            <a:ext uri="{28A0092B-C50C-407E-A947-70E740481C1C}">
              <a14:useLocalDpi xmlns:a14="http://schemas.microsoft.com/office/drawing/2010/main"/>
            </a:ext>
          </a:extLst>
        </a:blip>
        <a:srcRect/>
        <a:stretch>
          <a:fillRect/>
        </a:stretch>
      </xdr:blipFill>
      <xdr:spPr>
        <a:xfrm>
          <a:off x="2416175" y="30159325"/>
          <a:ext cx="495300" cy="714375"/>
        </a:xfrm>
        <a:prstGeom prst="rect">
          <a:avLst/>
        </a:prstGeom>
        <a:noFill/>
        <a:ln w="9525">
          <a:noFill/>
          <a:miter lim="800000"/>
          <a:headEnd/>
          <a:tailEnd/>
        </a:ln>
      </xdr:spPr>
    </xdr:pic>
    <xdr:clientData/>
  </xdr:twoCellAnchor>
  <xdr:twoCellAnchor>
    <xdr:from>
      <xdr:col>4</xdr:col>
      <xdr:colOff>400050</xdr:colOff>
      <xdr:row>68</xdr:row>
      <xdr:rowOff>142874</xdr:rowOff>
    </xdr:from>
    <xdr:to>
      <xdr:col>4</xdr:col>
      <xdr:colOff>914400</xdr:colOff>
      <xdr:row>68</xdr:row>
      <xdr:rowOff>914399</xdr:rowOff>
    </xdr:to>
    <xdr:pic>
      <xdr:nvPicPr>
        <xdr:cNvPr id="116" name="图片 275">
          <a:extLst>
            <a:ext uri="{FF2B5EF4-FFF2-40B4-BE49-F238E27FC236}">
              <a16:creationId xmlns:a16="http://schemas.microsoft.com/office/drawing/2014/main" id="{5E313BC4-CCA0-4FF2-8FD7-A54342B3DFE5}"/>
            </a:ext>
          </a:extLst>
        </xdr:cNvPr>
        <xdr:cNvPicPr/>
      </xdr:nvPicPr>
      <xdr:blipFill>
        <a:blip xmlns:r="http://schemas.openxmlformats.org/officeDocument/2006/relationships" r:embed="rId80" cstate="email">
          <a:extLst>
            <a:ext uri="{28A0092B-C50C-407E-A947-70E740481C1C}">
              <a14:useLocalDpi xmlns:a14="http://schemas.microsoft.com/office/drawing/2010/main"/>
            </a:ext>
          </a:extLst>
        </a:blip>
        <a:srcRect/>
        <a:stretch>
          <a:fillRect/>
        </a:stretch>
      </xdr:blipFill>
      <xdr:spPr>
        <a:xfrm>
          <a:off x="4718050" y="30102174"/>
          <a:ext cx="514350" cy="771525"/>
        </a:xfrm>
        <a:prstGeom prst="rect">
          <a:avLst/>
        </a:prstGeom>
        <a:noFill/>
        <a:ln w="9525">
          <a:noFill/>
          <a:miter lim="800000"/>
          <a:headEnd/>
          <a:tailEnd/>
        </a:ln>
      </xdr:spPr>
    </xdr:pic>
    <xdr:clientData/>
  </xdr:twoCellAnchor>
  <xdr:twoCellAnchor editAs="oneCell">
    <xdr:from>
      <xdr:col>6</xdr:col>
      <xdr:colOff>363855</xdr:colOff>
      <xdr:row>11</xdr:row>
      <xdr:rowOff>177800</xdr:rowOff>
    </xdr:from>
    <xdr:to>
      <xdr:col>6</xdr:col>
      <xdr:colOff>1306518</xdr:colOff>
      <xdr:row>11</xdr:row>
      <xdr:rowOff>777875</xdr:rowOff>
    </xdr:to>
    <xdr:pic>
      <xdr:nvPicPr>
        <xdr:cNvPr id="117" name="Picture 167" descr="\\info-server\产品资料库\临时（to徐迪远）\渲染图\Bracket\Dome Camera\TR-JB03-D-IN.png">
          <a:extLst>
            <a:ext uri="{FF2B5EF4-FFF2-40B4-BE49-F238E27FC236}">
              <a16:creationId xmlns:a16="http://schemas.microsoft.com/office/drawing/2014/main" id="{ED284621-CE87-4880-A1CC-B630AD0315CA}"/>
            </a:ext>
          </a:extLst>
        </xdr:cNvPr>
        <xdr:cNvPicPr>
          <a:picLocks noChangeAspect="1" noChangeArrowheads="1"/>
        </xdr:cNvPicPr>
      </xdr:nvPicPr>
      <xdr:blipFill>
        <a:blip xmlns:r="http://schemas.openxmlformats.org/officeDocument/2006/relationships" r:embed="rId81" cstate="email">
          <a:extLst>
            <a:ext uri="{28A0092B-C50C-407E-A947-70E740481C1C}">
              <a14:useLocalDpi xmlns:a14="http://schemas.microsoft.com/office/drawing/2010/main"/>
            </a:ext>
          </a:extLst>
        </a:blip>
        <a:srcRect/>
        <a:stretch>
          <a:fillRect/>
        </a:stretch>
      </xdr:blipFill>
      <xdr:spPr>
        <a:xfrm>
          <a:off x="7075805" y="3949700"/>
          <a:ext cx="942663" cy="600075"/>
        </a:xfrm>
        <a:prstGeom prst="rect">
          <a:avLst/>
        </a:prstGeom>
        <a:noFill/>
      </xdr:spPr>
    </xdr:pic>
    <xdr:clientData/>
  </xdr:twoCellAnchor>
  <xdr:twoCellAnchor editAs="oneCell">
    <xdr:from>
      <xdr:col>5</xdr:col>
      <xdr:colOff>323850</xdr:colOff>
      <xdr:row>99</xdr:row>
      <xdr:rowOff>190500</xdr:rowOff>
    </xdr:from>
    <xdr:to>
      <xdr:col>5</xdr:col>
      <xdr:colOff>1017185</xdr:colOff>
      <xdr:row>99</xdr:row>
      <xdr:rowOff>787887</xdr:rowOff>
    </xdr:to>
    <xdr:pic>
      <xdr:nvPicPr>
        <xdr:cNvPr id="118" name="Picture 2" descr="C:\Users\x04297\Desktop\渲染图\TR-JB05-B-IN\TR-JB05-B-IN-1.png">
          <a:extLst>
            <a:ext uri="{FF2B5EF4-FFF2-40B4-BE49-F238E27FC236}">
              <a16:creationId xmlns:a16="http://schemas.microsoft.com/office/drawing/2014/main" id="{C3D97C78-1871-44CB-BDE3-6D5E323B7527}"/>
            </a:ext>
          </a:extLst>
        </xdr:cNvPr>
        <xdr:cNvPicPr>
          <a:picLocks noChangeAspect="1" noChangeArrowheads="1"/>
        </xdr:cNvPicPr>
      </xdr:nvPicPr>
      <xdr:blipFill>
        <a:blip xmlns:r="http://schemas.openxmlformats.org/officeDocument/2006/relationships" r:embed="rId82" cstate="email">
          <a:extLst>
            <a:ext uri="{28A0092B-C50C-407E-A947-70E740481C1C}">
              <a14:useLocalDpi xmlns:a14="http://schemas.microsoft.com/office/drawing/2010/main"/>
            </a:ext>
          </a:extLst>
        </a:blip>
        <a:srcRect/>
        <a:stretch>
          <a:fillRect/>
        </a:stretch>
      </xdr:blipFill>
      <xdr:spPr>
        <a:xfrm>
          <a:off x="5803900" y="42456100"/>
          <a:ext cx="693335" cy="597387"/>
        </a:xfrm>
        <a:prstGeom prst="rect">
          <a:avLst/>
        </a:prstGeom>
        <a:noFill/>
      </xdr:spPr>
    </xdr:pic>
    <xdr:clientData/>
  </xdr:twoCellAnchor>
  <xdr:twoCellAnchor editAs="oneCell">
    <xdr:from>
      <xdr:col>0</xdr:col>
      <xdr:colOff>0</xdr:colOff>
      <xdr:row>91</xdr:row>
      <xdr:rowOff>1114425</xdr:rowOff>
    </xdr:from>
    <xdr:to>
      <xdr:col>0</xdr:col>
      <xdr:colOff>889788</xdr:colOff>
      <xdr:row>93</xdr:row>
      <xdr:rowOff>130415</xdr:rowOff>
    </xdr:to>
    <xdr:pic>
      <xdr:nvPicPr>
        <xdr:cNvPr id="119" name="Picture 1">
          <a:extLst>
            <a:ext uri="{FF2B5EF4-FFF2-40B4-BE49-F238E27FC236}">
              <a16:creationId xmlns:a16="http://schemas.microsoft.com/office/drawing/2014/main" id="{B20A97A8-1197-46E2-9309-B687265A95D3}"/>
            </a:ext>
          </a:extLst>
        </xdr:cNvPr>
        <xdr:cNvPicPr>
          <a:picLocks noChangeAspect="1" noChangeArrowheads="1"/>
        </xdr:cNvPicPr>
      </xdr:nvPicPr>
      <xdr:blipFill>
        <a:blip xmlns:r="http://schemas.openxmlformats.org/officeDocument/2006/relationships" r:embed="rId83" cstate="email">
          <a:extLst>
            <a:ext uri="{28A0092B-C50C-407E-A947-70E740481C1C}">
              <a14:useLocalDpi xmlns:a14="http://schemas.microsoft.com/office/drawing/2010/main"/>
            </a:ext>
          </a:extLst>
        </a:blip>
        <a:srcRect/>
        <a:stretch>
          <a:fillRect/>
        </a:stretch>
      </xdr:blipFill>
      <xdr:spPr>
        <a:xfrm>
          <a:off x="0" y="40160575"/>
          <a:ext cx="889788" cy="381240"/>
        </a:xfrm>
        <a:prstGeom prst="rect">
          <a:avLst/>
        </a:prstGeom>
        <a:noFill/>
        <a:ln w="1">
          <a:noFill/>
          <a:miter lim="800000"/>
          <a:headEnd/>
          <a:tailEnd type="none" w="med" len="med"/>
        </a:ln>
        <a:effectLst/>
      </xdr:spPr>
    </xdr:pic>
    <xdr:clientData/>
  </xdr:twoCellAnchor>
  <xdr:twoCellAnchor editAs="oneCell">
    <xdr:from>
      <xdr:col>0</xdr:col>
      <xdr:colOff>19050</xdr:colOff>
      <xdr:row>68</xdr:row>
      <xdr:rowOff>190500</xdr:rowOff>
    </xdr:from>
    <xdr:to>
      <xdr:col>0</xdr:col>
      <xdr:colOff>891972</xdr:colOff>
      <xdr:row>68</xdr:row>
      <xdr:rowOff>564577</xdr:rowOff>
    </xdr:to>
    <xdr:pic>
      <xdr:nvPicPr>
        <xdr:cNvPr id="120" name="图片 279">
          <a:extLst>
            <a:ext uri="{FF2B5EF4-FFF2-40B4-BE49-F238E27FC236}">
              <a16:creationId xmlns:a16="http://schemas.microsoft.com/office/drawing/2014/main" id="{A5B82969-1E5C-4EDE-8EF9-3AF327D8AA20}"/>
            </a:ext>
          </a:extLst>
        </xdr:cNvPr>
        <xdr:cNvPicPr>
          <a:picLocks noChangeAspect="1"/>
        </xdr:cNvPicPr>
      </xdr:nvPicPr>
      <xdr:blipFill>
        <a:blip xmlns:r="http://schemas.openxmlformats.org/officeDocument/2006/relationships" r:embed="rId84" cstate="email">
          <a:extLst>
            <a:ext uri="{28A0092B-C50C-407E-A947-70E740481C1C}">
              <a14:useLocalDpi xmlns:a14="http://schemas.microsoft.com/office/drawing/2010/main"/>
            </a:ext>
          </a:extLst>
        </a:blip>
        <a:srcRect/>
        <a:stretch>
          <a:fillRect/>
        </a:stretch>
      </xdr:blipFill>
      <xdr:spPr>
        <a:xfrm>
          <a:off x="19050" y="30149800"/>
          <a:ext cx="872922" cy="374077"/>
        </a:xfrm>
        <a:prstGeom prst="rect">
          <a:avLst/>
        </a:prstGeom>
      </xdr:spPr>
    </xdr:pic>
    <xdr:clientData/>
  </xdr:twoCellAnchor>
  <xdr:twoCellAnchor editAs="oneCell">
    <xdr:from>
      <xdr:col>0</xdr:col>
      <xdr:colOff>0</xdr:colOff>
      <xdr:row>68</xdr:row>
      <xdr:rowOff>400050</xdr:rowOff>
    </xdr:from>
    <xdr:to>
      <xdr:col>0</xdr:col>
      <xdr:colOff>1013667</xdr:colOff>
      <xdr:row>69</xdr:row>
      <xdr:rowOff>159007</xdr:rowOff>
    </xdr:to>
    <xdr:pic>
      <xdr:nvPicPr>
        <xdr:cNvPr id="121" name="图片 280" descr="C:\Users\b03109\Desktop\2222_小.png">
          <a:extLst>
            <a:ext uri="{FF2B5EF4-FFF2-40B4-BE49-F238E27FC236}">
              <a16:creationId xmlns:a16="http://schemas.microsoft.com/office/drawing/2014/main" id="{EB495AF7-A793-426F-9769-2EACE5E9B98D}"/>
            </a:ext>
          </a:extLst>
        </xdr:cNvPr>
        <xdr:cNvPicPr/>
      </xdr:nvPicPr>
      <xdr:blipFill>
        <a:blip xmlns:r="http://schemas.openxmlformats.org/officeDocument/2006/relationships" r:embed="rId85" cstate="email">
          <a:extLst>
            <a:ext uri="{28A0092B-C50C-407E-A947-70E740481C1C}">
              <a14:useLocalDpi xmlns:a14="http://schemas.microsoft.com/office/drawing/2010/main"/>
            </a:ext>
          </a:extLst>
        </a:blip>
        <a:srcRect/>
        <a:stretch>
          <a:fillRect/>
        </a:stretch>
      </xdr:blipFill>
      <xdr:spPr>
        <a:xfrm>
          <a:off x="0" y="30359350"/>
          <a:ext cx="1013667" cy="774957"/>
        </a:xfrm>
        <a:prstGeom prst="rect">
          <a:avLst/>
        </a:prstGeom>
        <a:noFill/>
        <a:ln>
          <a:noFill/>
        </a:ln>
      </xdr:spPr>
    </xdr:pic>
    <xdr:clientData/>
  </xdr:twoCellAnchor>
  <xdr:twoCellAnchor editAs="oneCell">
    <xdr:from>
      <xdr:col>0</xdr:col>
      <xdr:colOff>0</xdr:colOff>
      <xdr:row>68</xdr:row>
      <xdr:rowOff>1104900</xdr:rowOff>
    </xdr:from>
    <xdr:to>
      <xdr:col>0</xdr:col>
      <xdr:colOff>891117</xdr:colOff>
      <xdr:row>71</xdr:row>
      <xdr:rowOff>157060</xdr:rowOff>
    </xdr:to>
    <xdr:pic>
      <xdr:nvPicPr>
        <xdr:cNvPr id="122" name="图片 281">
          <a:extLst>
            <a:ext uri="{FF2B5EF4-FFF2-40B4-BE49-F238E27FC236}">
              <a16:creationId xmlns:a16="http://schemas.microsoft.com/office/drawing/2014/main" id="{742C93CF-9C1C-4B41-8455-D2C8FD109C12}"/>
            </a:ext>
          </a:extLst>
        </xdr:cNvPr>
        <xdr:cNvPicPr>
          <a:picLocks noChangeAspect="1"/>
        </xdr:cNvPicPr>
      </xdr:nvPicPr>
      <xdr:blipFill>
        <a:blip xmlns:r="http://schemas.openxmlformats.org/officeDocument/2006/relationships" r:embed="rId86" cstate="email">
          <a:extLst>
            <a:ext uri="{28A0092B-C50C-407E-A947-70E740481C1C}">
              <a14:useLocalDpi xmlns:a14="http://schemas.microsoft.com/office/drawing/2010/main"/>
            </a:ext>
          </a:extLst>
        </a:blip>
        <a:srcRect/>
        <a:stretch>
          <a:fillRect/>
        </a:stretch>
      </xdr:blipFill>
      <xdr:spPr>
        <a:xfrm>
          <a:off x="0" y="30975300"/>
          <a:ext cx="891117" cy="525360"/>
        </a:xfrm>
        <a:prstGeom prst="rect">
          <a:avLst/>
        </a:prstGeom>
        <a:noFill/>
        <a:ln w="9525">
          <a:noFill/>
          <a:miter lim="800000"/>
          <a:headEnd/>
          <a:tailEnd/>
        </a:ln>
      </xdr:spPr>
    </xdr:pic>
    <xdr:clientData/>
  </xdr:twoCellAnchor>
  <xdr:twoCellAnchor editAs="oneCell">
    <xdr:from>
      <xdr:col>0</xdr:col>
      <xdr:colOff>0</xdr:colOff>
      <xdr:row>71</xdr:row>
      <xdr:rowOff>219075</xdr:rowOff>
    </xdr:from>
    <xdr:to>
      <xdr:col>0</xdr:col>
      <xdr:colOff>889636</xdr:colOff>
      <xdr:row>72</xdr:row>
      <xdr:rowOff>247651</xdr:rowOff>
    </xdr:to>
    <xdr:pic>
      <xdr:nvPicPr>
        <xdr:cNvPr id="123" name="图片 282">
          <a:extLst>
            <a:ext uri="{FF2B5EF4-FFF2-40B4-BE49-F238E27FC236}">
              <a16:creationId xmlns:a16="http://schemas.microsoft.com/office/drawing/2014/main" id="{2C5D29C8-0105-453E-BDDB-7A545F636674}"/>
            </a:ext>
          </a:extLst>
        </xdr:cNvPr>
        <xdr:cNvPicPr>
          <a:picLocks noChangeAspect="1"/>
        </xdr:cNvPicPr>
      </xdr:nvPicPr>
      <xdr:blipFill>
        <a:blip xmlns:r="http://schemas.openxmlformats.org/officeDocument/2006/relationships" r:embed="rId87" cstate="email">
          <a:extLst>
            <a:ext uri="{28A0092B-C50C-407E-A947-70E740481C1C}">
              <a14:useLocalDpi xmlns:a14="http://schemas.microsoft.com/office/drawing/2010/main"/>
            </a:ext>
          </a:extLst>
        </a:blip>
        <a:srcRect/>
        <a:stretch>
          <a:fillRect/>
        </a:stretch>
      </xdr:blipFill>
      <xdr:spPr>
        <a:xfrm>
          <a:off x="0" y="31562675"/>
          <a:ext cx="889636" cy="581026"/>
        </a:xfrm>
        <a:prstGeom prst="rect">
          <a:avLst/>
        </a:prstGeom>
      </xdr:spPr>
    </xdr:pic>
    <xdr:clientData/>
  </xdr:twoCellAnchor>
  <xdr:twoCellAnchor editAs="oneCell">
    <xdr:from>
      <xdr:col>0</xdr:col>
      <xdr:colOff>635</xdr:colOff>
      <xdr:row>77</xdr:row>
      <xdr:rowOff>76835</xdr:rowOff>
    </xdr:from>
    <xdr:to>
      <xdr:col>0</xdr:col>
      <xdr:colOff>924300</xdr:colOff>
      <xdr:row>79</xdr:row>
      <xdr:rowOff>219710</xdr:rowOff>
    </xdr:to>
    <xdr:pic>
      <xdr:nvPicPr>
        <xdr:cNvPr id="124" name="图片 283">
          <a:extLst>
            <a:ext uri="{FF2B5EF4-FFF2-40B4-BE49-F238E27FC236}">
              <a16:creationId xmlns:a16="http://schemas.microsoft.com/office/drawing/2014/main" id="{DCA910EA-2A12-47D4-A5F6-8CD7C4F59AF1}"/>
            </a:ext>
          </a:extLst>
        </xdr:cNvPr>
        <xdr:cNvPicPr>
          <a:picLocks noChangeAspect="1"/>
        </xdr:cNvPicPr>
      </xdr:nvPicPr>
      <xdr:blipFill>
        <a:blip xmlns:r="http://schemas.openxmlformats.org/officeDocument/2006/relationships" r:embed="rId88" cstate="email">
          <a:extLst>
            <a:ext uri="{28A0092B-C50C-407E-A947-70E740481C1C}">
              <a14:useLocalDpi xmlns:a14="http://schemas.microsoft.com/office/drawing/2010/main"/>
            </a:ext>
          </a:extLst>
        </a:blip>
        <a:srcRect/>
        <a:stretch>
          <a:fillRect/>
        </a:stretch>
      </xdr:blipFill>
      <xdr:spPr>
        <a:xfrm>
          <a:off x="635" y="34169985"/>
          <a:ext cx="923665" cy="511175"/>
        </a:xfrm>
        <a:prstGeom prst="rect">
          <a:avLst/>
        </a:prstGeom>
      </xdr:spPr>
    </xdr:pic>
    <xdr:clientData/>
  </xdr:twoCellAnchor>
  <xdr:twoCellAnchor editAs="oneCell">
    <xdr:from>
      <xdr:col>2</xdr:col>
      <xdr:colOff>228600</xdr:colOff>
      <xdr:row>59</xdr:row>
      <xdr:rowOff>352425</xdr:rowOff>
    </xdr:from>
    <xdr:to>
      <xdr:col>2</xdr:col>
      <xdr:colOff>1028698</xdr:colOff>
      <xdr:row>59</xdr:row>
      <xdr:rowOff>861747</xdr:rowOff>
    </xdr:to>
    <xdr:pic>
      <xdr:nvPicPr>
        <xdr:cNvPr id="125" name="Picture 2" descr="\\info-server\产品资料库\临时（to徐迪远）\渲染图\Bracket\Dome Camera\TR-JB03-D-IN.png">
          <a:extLst>
            <a:ext uri="{FF2B5EF4-FFF2-40B4-BE49-F238E27FC236}">
              <a16:creationId xmlns:a16="http://schemas.microsoft.com/office/drawing/2014/main" id="{829D0F8C-20BA-4D08-BDCD-0CD55BF2B000}"/>
            </a:ext>
          </a:extLst>
        </xdr:cNvPr>
        <xdr:cNvPicPr>
          <a:picLocks noChangeAspect="1" noChangeArrowheads="1"/>
        </xdr:cNvPicPr>
      </xdr:nvPicPr>
      <xdr:blipFill>
        <a:blip xmlns:r="http://schemas.openxmlformats.org/officeDocument/2006/relationships" r:embed="rId89" cstate="email">
          <a:extLst>
            <a:ext uri="{28A0092B-C50C-407E-A947-70E740481C1C}">
              <a14:useLocalDpi xmlns:a14="http://schemas.microsoft.com/office/drawing/2010/main"/>
            </a:ext>
          </a:extLst>
        </a:blip>
        <a:srcRect/>
        <a:stretch>
          <a:fillRect/>
        </a:stretch>
      </xdr:blipFill>
      <xdr:spPr>
        <a:xfrm>
          <a:off x="2120900" y="26374725"/>
          <a:ext cx="800098" cy="509322"/>
        </a:xfrm>
        <a:prstGeom prst="rect">
          <a:avLst/>
        </a:prstGeom>
        <a:noFill/>
      </xdr:spPr>
    </xdr:pic>
    <xdr:clientData/>
  </xdr:twoCellAnchor>
  <xdr:twoCellAnchor editAs="oneCell">
    <xdr:from>
      <xdr:col>2</xdr:col>
      <xdr:colOff>273685</xdr:colOff>
      <xdr:row>51</xdr:row>
      <xdr:rowOff>273050</xdr:rowOff>
    </xdr:from>
    <xdr:to>
      <xdr:col>2</xdr:col>
      <xdr:colOff>1073783</xdr:colOff>
      <xdr:row>51</xdr:row>
      <xdr:rowOff>782372</xdr:rowOff>
    </xdr:to>
    <xdr:pic>
      <xdr:nvPicPr>
        <xdr:cNvPr id="126" name="Picture 2" descr="\\info-server\产品资料库\临时（to徐迪远）\渲染图\Bracket\Dome Camera\TR-JB03-D-IN.png">
          <a:extLst>
            <a:ext uri="{FF2B5EF4-FFF2-40B4-BE49-F238E27FC236}">
              <a16:creationId xmlns:a16="http://schemas.microsoft.com/office/drawing/2014/main" id="{81FBEC1A-D14F-4AEA-9EFE-AFACCDCF164F}"/>
            </a:ext>
          </a:extLst>
        </xdr:cNvPr>
        <xdr:cNvPicPr>
          <a:picLocks noChangeAspect="1" noChangeArrowheads="1"/>
        </xdr:cNvPicPr>
      </xdr:nvPicPr>
      <xdr:blipFill>
        <a:blip xmlns:r="http://schemas.openxmlformats.org/officeDocument/2006/relationships" r:embed="rId89" cstate="email">
          <a:extLst>
            <a:ext uri="{28A0092B-C50C-407E-A947-70E740481C1C}">
              <a14:useLocalDpi xmlns:a14="http://schemas.microsoft.com/office/drawing/2010/main"/>
            </a:ext>
          </a:extLst>
        </a:blip>
        <a:srcRect/>
        <a:stretch>
          <a:fillRect/>
        </a:stretch>
      </xdr:blipFill>
      <xdr:spPr>
        <a:xfrm>
          <a:off x="2165985" y="22561550"/>
          <a:ext cx="800098" cy="509322"/>
        </a:xfrm>
        <a:prstGeom prst="rect">
          <a:avLst/>
        </a:prstGeom>
        <a:noFill/>
      </xdr:spPr>
    </xdr:pic>
    <xdr:clientData/>
  </xdr:twoCellAnchor>
  <xdr:twoCellAnchor editAs="oneCell">
    <xdr:from>
      <xdr:col>9</xdr:col>
      <xdr:colOff>61595</xdr:colOff>
      <xdr:row>43</xdr:row>
      <xdr:rowOff>153035</xdr:rowOff>
    </xdr:from>
    <xdr:to>
      <xdr:col>9</xdr:col>
      <xdr:colOff>1077047</xdr:colOff>
      <xdr:row>43</xdr:row>
      <xdr:rowOff>715010</xdr:rowOff>
    </xdr:to>
    <xdr:pic>
      <xdr:nvPicPr>
        <xdr:cNvPr id="127" name="Picture 3" descr="E:\Keyshot 渲染\KeyShot 4\Renderings\海外半球.191.png">
          <a:extLst>
            <a:ext uri="{FF2B5EF4-FFF2-40B4-BE49-F238E27FC236}">
              <a16:creationId xmlns:a16="http://schemas.microsoft.com/office/drawing/2014/main" id="{9FE627E2-2016-4C58-8C59-D7C4E6851752}"/>
            </a:ext>
          </a:extLst>
        </xdr:cNvPr>
        <xdr:cNvPicPr>
          <a:picLocks noChangeAspect="1" noChangeArrowheads="1"/>
        </xdr:cNvPicPr>
      </xdr:nvPicPr>
      <xdr:blipFill>
        <a:blip xmlns:r="http://schemas.openxmlformats.org/officeDocument/2006/relationships" r:embed="rId90" cstate="screen">
          <a:extLst>
            <a:ext uri="{28A0092B-C50C-407E-A947-70E740481C1C}">
              <a14:useLocalDpi xmlns:a14="http://schemas.microsoft.com/office/drawing/2010/main"/>
            </a:ext>
          </a:extLst>
        </a:blip>
        <a:srcRect/>
        <a:stretch>
          <a:fillRect/>
        </a:stretch>
      </xdr:blipFill>
      <xdr:spPr>
        <a:xfrm>
          <a:off x="10678795" y="18828385"/>
          <a:ext cx="1015452" cy="561975"/>
        </a:xfrm>
        <a:prstGeom prst="rect">
          <a:avLst/>
        </a:prstGeom>
        <a:noFill/>
      </xdr:spPr>
    </xdr:pic>
    <xdr:clientData/>
  </xdr:twoCellAnchor>
  <xdr:twoCellAnchor editAs="oneCell">
    <xdr:from>
      <xdr:col>10</xdr:col>
      <xdr:colOff>20955</xdr:colOff>
      <xdr:row>43</xdr:row>
      <xdr:rowOff>193675</xdr:rowOff>
    </xdr:from>
    <xdr:to>
      <xdr:col>11</xdr:col>
      <xdr:colOff>519</xdr:colOff>
      <xdr:row>43</xdr:row>
      <xdr:rowOff>698500</xdr:rowOff>
    </xdr:to>
    <xdr:pic>
      <xdr:nvPicPr>
        <xdr:cNvPr id="128" name="图片 287" descr="C:\Users\y00481\Desktop\图片文档\TR-JB07 WM04-IN 4寸半球壁装组合支架.png">
          <a:extLst>
            <a:ext uri="{FF2B5EF4-FFF2-40B4-BE49-F238E27FC236}">
              <a16:creationId xmlns:a16="http://schemas.microsoft.com/office/drawing/2014/main" id="{265E9638-2343-4568-ACD0-CBF746C10592}"/>
            </a:ext>
          </a:extLst>
        </xdr:cNvPr>
        <xdr:cNvPicPr>
          <a:picLocks noChangeAspect="1"/>
        </xdr:cNvPicPr>
      </xdr:nvPicPr>
      <xdr:blipFill>
        <a:blip xmlns:r="http://schemas.openxmlformats.org/officeDocument/2006/relationships" r:embed="rId91" cstate="email">
          <a:extLst>
            <a:ext uri="{28A0092B-C50C-407E-A947-70E740481C1C}">
              <a14:useLocalDpi xmlns:a14="http://schemas.microsoft.com/office/drawing/2010/main"/>
            </a:ext>
          </a:extLst>
        </a:blip>
        <a:srcRect/>
        <a:stretch>
          <a:fillRect/>
        </a:stretch>
      </xdr:blipFill>
      <xdr:spPr>
        <a:xfrm>
          <a:off x="11717655" y="18869025"/>
          <a:ext cx="1059064" cy="504825"/>
        </a:xfrm>
        <a:prstGeom prst="rect">
          <a:avLst/>
        </a:prstGeom>
        <a:noFill/>
        <a:ln w="9525">
          <a:noFill/>
          <a:miter lim="800000"/>
          <a:headEnd/>
          <a:tailEnd/>
        </a:ln>
      </xdr:spPr>
    </xdr:pic>
    <xdr:clientData/>
  </xdr:twoCellAnchor>
  <xdr:twoCellAnchor editAs="oneCell">
    <xdr:from>
      <xdr:col>9</xdr:col>
      <xdr:colOff>16510</xdr:colOff>
      <xdr:row>35</xdr:row>
      <xdr:rowOff>165100</xdr:rowOff>
    </xdr:from>
    <xdr:to>
      <xdr:col>9</xdr:col>
      <xdr:colOff>1079314</xdr:colOff>
      <xdr:row>35</xdr:row>
      <xdr:rowOff>869950</xdr:rowOff>
    </xdr:to>
    <xdr:pic>
      <xdr:nvPicPr>
        <xdr:cNvPr id="129" name="Picture 2" descr="\\info-server\产品资料库\临时（to徐迪远）\渲染图\Bracket\Dome Camera\TR-JB03-D-IN.png">
          <a:extLst>
            <a:ext uri="{FF2B5EF4-FFF2-40B4-BE49-F238E27FC236}">
              <a16:creationId xmlns:a16="http://schemas.microsoft.com/office/drawing/2014/main" id="{4C313D03-89E4-421A-904B-0E8679A561EF}"/>
            </a:ext>
          </a:extLst>
        </xdr:cNvPr>
        <xdr:cNvPicPr>
          <a:picLocks noChangeAspect="1" noChangeArrowheads="1"/>
        </xdr:cNvPicPr>
      </xdr:nvPicPr>
      <xdr:blipFill>
        <a:blip xmlns:r="http://schemas.openxmlformats.org/officeDocument/2006/relationships" r:embed="rId92" cstate="email">
          <a:extLst>
            <a:ext uri="{28A0092B-C50C-407E-A947-70E740481C1C}">
              <a14:useLocalDpi xmlns:a14="http://schemas.microsoft.com/office/drawing/2010/main"/>
            </a:ext>
          </a:extLst>
        </a:blip>
        <a:srcRect/>
        <a:stretch>
          <a:fillRect/>
        </a:stretch>
      </xdr:blipFill>
      <xdr:spPr>
        <a:xfrm>
          <a:off x="10633710" y="15163800"/>
          <a:ext cx="1062804" cy="704850"/>
        </a:xfrm>
        <a:prstGeom prst="rect">
          <a:avLst/>
        </a:prstGeom>
        <a:noFill/>
      </xdr:spPr>
    </xdr:pic>
    <xdr:clientData/>
  </xdr:twoCellAnchor>
  <xdr:twoCellAnchor editAs="oneCell">
    <xdr:from>
      <xdr:col>8</xdr:col>
      <xdr:colOff>95250</xdr:colOff>
      <xdr:row>27</xdr:row>
      <xdr:rowOff>200025</xdr:rowOff>
    </xdr:from>
    <xdr:to>
      <xdr:col>9</xdr:col>
      <xdr:colOff>623</xdr:colOff>
      <xdr:row>27</xdr:row>
      <xdr:rowOff>771525</xdr:rowOff>
    </xdr:to>
    <xdr:pic>
      <xdr:nvPicPr>
        <xdr:cNvPr id="130" name="Picture 3" descr="E:\Keyshot 渲染\KeyShot 4\Renderings\海外半球.191.png">
          <a:extLst>
            <a:ext uri="{FF2B5EF4-FFF2-40B4-BE49-F238E27FC236}">
              <a16:creationId xmlns:a16="http://schemas.microsoft.com/office/drawing/2014/main" id="{BE35346A-F530-49D1-B3F2-C04B89FD44C8}"/>
            </a:ext>
          </a:extLst>
        </xdr:cNvPr>
        <xdr:cNvPicPr>
          <a:picLocks noChangeAspect="1" noChangeArrowheads="1"/>
        </xdr:cNvPicPr>
      </xdr:nvPicPr>
      <xdr:blipFill>
        <a:blip xmlns:r="http://schemas.openxmlformats.org/officeDocument/2006/relationships" r:embed="rId93" cstate="email">
          <a:extLst>
            <a:ext uri="{28A0092B-C50C-407E-A947-70E740481C1C}">
              <a14:useLocalDpi xmlns:a14="http://schemas.microsoft.com/office/drawing/2010/main"/>
            </a:ext>
          </a:extLst>
        </a:blip>
        <a:srcRect/>
        <a:stretch>
          <a:fillRect/>
        </a:stretch>
      </xdr:blipFill>
      <xdr:spPr>
        <a:xfrm>
          <a:off x="9632950" y="11337925"/>
          <a:ext cx="984873" cy="571500"/>
        </a:xfrm>
        <a:prstGeom prst="rect">
          <a:avLst/>
        </a:prstGeom>
        <a:noFill/>
      </xdr:spPr>
    </xdr:pic>
    <xdr:clientData/>
  </xdr:twoCellAnchor>
  <xdr:twoCellAnchor editAs="oneCell">
    <xdr:from>
      <xdr:col>9</xdr:col>
      <xdr:colOff>47626</xdr:colOff>
      <xdr:row>27</xdr:row>
      <xdr:rowOff>304800</xdr:rowOff>
    </xdr:from>
    <xdr:to>
      <xdr:col>9</xdr:col>
      <xdr:colOff>1076326</xdr:colOff>
      <xdr:row>27</xdr:row>
      <xdr:rowOff>798702</xdr:rowOff>
    </xdr:to>
    <xdr:pic>
      <xdr:nvPicPr>
        <xdr:cNvPr id="131" name="图片 290" descr="C:\Users\y00481\Desktop\图片文档\TR-JB07 WM04-IN 4寸半球壁装组合支架.png">
          <a:extLst>
            <a:ext uri="{FF2B5EF4-FFF2-40B4-BE49-F238E27FC236}">
              <a16:creationId xmlns:a16="http://schemas.microsoft.com/office/drawing/2014/main" id="{38E82E71-2D6F-4F66-97D8-833C515CC7DB}"/>
            </a:ext>
          </a:extLst>
        </xdr:cNvPr>
        <xdr:cNvPicPr>
          <a:picLocks noChangeAspect="1"/>
        </xdr:cNvPicPr>
      </xdr:nvPicPr>
      <xdr:blipFill>
        <a:blip xmlns:r="http://schemas.openxmlformats.org/officeDocument/2006/relationships" r:embed="rId94" cstate="email">
          <a:extLst>
            <a:ext uri="{28A0092B-C50C-407E-A947-70E740481C1C}">
              <a14:useLocalDpi xmlns:a14="http://schemas.microsoft.com/office/drawing/2010/main"/>
            </a:ext>
          </a:extLst>
        </a:blip>
        <a:srcRect/>
        <a:stretch>
          <a:fillRect/>
        </a:stretch>
      </xdr:blipFill>
      <xdr:spPr>
        <a:xfrm>
          <a:off x="10664826" y="11442700"/>
          <a:ext cx="1028700" cy="493902"/>
        </a:xfrm>
        <a:prstGeom prst="rect">
          <a:avLst/>
        </a:prstGeom>
        <a:noFill/>
        <a:ln w="9525">
          <a:noFill/>
          <a:miter lim="800000"/>
          <a:headEnd/>
          <a:tailEnd/>
        </a:ln>
      </xdr:spPr>
    </xdr:pic>
    <xdr:clientData/>
  </xdr:twoCellAnchor>
  <xdr:twoCellAnchor editAs="oneCell">
    <xdr:from>
      <xdr:col>8</xdr:col>
      <xdr:colOff>157480</xdr:colOff>
      <xdr:row>19</xdr:row>
      <xdr:rowOff>256540</xdr:rowOff>
    </xdr:from>
    <xdr:to>
      <xdr:col>8</xdr:col>
      <xdr:colOff>1079024</xdr:colOff>
      <xdr:row>19</xdr:row>
      <xdr:rowOff>789940</xdr:rowOff>
    </xdr:to>
    <xdr:pic>
      <xdr:nvPicPr>
        <xdr:cNvPr id="132" name="Picture 3" descr="E:\Keyshot 渲染\KeyShot 4\Renderings\海外半球.191.png">
          <a:extLst>
            <a:ext uri="{FF2B5EF4-FFF2-40B4-BE49-F238E27FC236}">
              <a16:creationId xmlns:a16="http://schemas.microsoft.com/office/drawing/2014/main" id="{A8420B6A-7EA7-4882-BC48-17A9C5A06031}"/>
            </a:ext>
          </a:extLst>
        </xdr:cNvPr>
        <xdr:cNvPicPr>
          <a:picLocks noChangeAspect="1" noChangeArrowheads="1"/>
        </xdr:cNvPicPr>
      </xdr:nvPicPr>
      <xdr:blipFill>
        <a:blip xmlns:r="http://schemas.openxmlformats.org/officeDocument/2006/relationships" r:embed="rId95" cstate="email">
          <a:extLst>
            <a:ext uri="{28A0092B-C50C-407E-A947-70E740481C1C}">
              <a14:useLocalDpi xmlns:a14="http://schemas.microsoft.com/office/drawing/2010/main"/>
            </a:ext>
          </a:extLst>
        </a:blip>
        <a:srcRect/>
        <a:stretch>
          <a:fillRect/>
        </a:stretch>
      </xdr:blipFill>
      <xdr:spPr>
        <a:xfrm>
          <a:off x="9695180" y="7698740"/>
          <a:ext cx="921544" cy="533400"/>
        </a:xfrm>
        <a:prstGeom prst="rect">
          <a:avLst/>
        </a:prstGeom>
        <a:noFill/>
      </xdr:spPr>
    </xdr:pic>
    <xdr:clientData/>
  </xdr:twoCellAnchor>
  <xdr:twoCellAnchor editAs="oneCell">
    <xdr:from>
      <xdr:col>8</xdr:col>
      <xdr:colOff>1158875</xdr:colOff>
      <xdr:row>19</xdr:row>
      <xdr:rowOff>260985</xdr:rowOff>
    </xdr:from>
    <xdr:to>
      <xdr:col>10</xdr:col>
      <xdr:colOff>1718</xdr:colOff>
      <xdr:row>19</xdr:row>
      <xdr:rowOff>813435</xdr:rowOff>
    </xdr:to>
    <xdr:pic>
      <xdr:nvPicPr>
        <xdr:cNvPr id="133" name="图片 292" descr="C:\Users\y00481\Desktop\图片文档\TR-JB07 WM04-IN 4寸半球壁装组合支架.png">
          <a:extLst>
            <a:ext uri="{FF2B5EF4-FFF2-40B4-BE49-F238E27FC236}">
              <a16:creationId xmlns:a16="http://schemas.microsoft.com/office/drawing/2014/main" id="{1600D9B2-479F-4F66-BF24-CF78543533A4}"/>
            </a:ext>
          </a:extLst>
        </xdr:cNvPr>
        <xdr:cNvPicPr>
          <a:picLocks noChangeAspect="1"/>
        </xdr:cNvPicPr>
      </xdr:nvPicPr>
      <xdr:blipFill>
        <a:blip xmlns:r="http://schemas.openxmlformats.org/officeDocument/2006/relationships" r:embed="rId96" cstate="email">
          <a:extLst>
            <a:ext uri="{28A0092B-C50C-407E-A947-70E740481C1C}">
              <a14:useLocalDpi xmlns:a14="http://schemas.microsoft.com/office/drawing/2010/main"/>
            </a:ext>
          </a:extLst>
        </a:blip>
        <a:srcRect/>
        <a:stretch>
          <a:fillRect/>
        </a:stretch>
      </xdr:blipFill>
      <xdr:spPr>
        <a:xfrm>
          <a:off x="10614025" y="7703185"/>
          <a:ext cx="1084393" cy="552450"/>
        </a:xfrm>
        <a:prstGeom prst="rect">
          <a:avLst/>
        </a:prstGeom>
        <a:noFill/>
        <a:ln w="9525">
          <a:noFill/>
          <a:miter lim="800000"/>
          <a:headEnd/>
          <a:tailEnd/>
        </a:ln>
      </xdr:spPr>
    </xdr:pic>
    <xdr:clientData/>
  </xdr:twoCellAnchor>
  <xdr:twoCellAnchor editAs="oneCell">
    <xdr:from>
      <xdr:col>10</xdr:col>
      <xdr:colOff>200025</xdr:colOff>
      <xdr:row>19</xdr:row>
      <xdr:rowOff>230505</xdr:rowOff>
    </xdr:from>
    <xdr:to>
      <xdr:col>10</xdr:col>
      <xdr:colOff>1078749</xdr:colOff>
      <xdr:row>19</xdr:row>
      <xdr:rowOff>802005</xdr:rowOff>
    </xdr:to>
    <xdr:pic>
      <xdr:nvPicPr>
        <xdr:cNvPr id="134" name="Picture 2" descr="\\info-server\产品资料库\临时（to徐迪远）\渲染图\Bracket\Dome Camera\TR-JB03-D-IN.png">
          <a:extLst>
            <a:ext uri="{FF2B5EF4-FFF2-40B4-BE49-F238E27FC236}">
              <a16:creationId xmlns:a16="http://schemas.microsoft.com/office/drawing/2014/main" id="{7593D968-3EDD-40C3-A964-A2A9868013F7}"/>
            </a:ext>
          </a:extLst>
        </xdr:cNvPr>
        <xdr:cNvPicPr>
          <a:picLocks noChangeAspect="1" noChangeArrowheads="1"/>
        </xdr:cNvPicPr>
      </xdr:nvPicPr>
      <xdr:blipFill>
        <a:blip xmlns:r="http://schemas.openxmlformats.org/officeDocument/2006/relationships" r:embed="rId97" cstate="email">
          <a:extLst>
            <a:ext uri="{28A0092B-C50C-407E-A947-70E740481C1C}">
              <a14:useLocalDpi xmlns:a14="http://schemas.microsoft.com/office/drawing/2010/main"/>
            </a:ext>
          </a:extLst>
        </a:blip>
        <a:srcRect/>
        <a:stretch>
          <a:fillRect/>
        </a:stretch>
      </xdr:blipFill>
      <xdr:spPr>
        <a:xfrm>
          <a:off x="11896725" y="7672705"/>
          <a:ext cx="878724" cy="571500"/>
        </a:xfrm>
        <a:prstGeom prst="rect">
          <a:avLst/>
        </a:prstGeom>
        <a:noFill/>
      </xdr:spPr>
    </xdr:pic>
    <xdr:clientData/>
  </xdr:twoCellAnchor>
  <xdr:twoCellAnchor editAs="oneCell">
    <xdr:from>
      <xdr:col>6</xdr:col>
      <xdr:colOff>317499</xdr:colOff>
      <xdr:row>68</xdr:row>
      <xdr:rowOff>229913</xdr:rowOff>
    </xdr:from>
    <xdr:to>
      <xdr:col>6</xdr:col>
      <xdr:colOff>1248103</xdr:colOff>
      <xdr:row>68</xdr:row>
      <xdr:rowOff>1005714</xdr:rowOff>
    </xdr:to>
    <xdr:pic>
      <xdr:nvPicPr>
        <xdr:cNvPr id="135" name="Picture 2" descr="E:\工作\渲染图\配件图\TR-JB06-A-IN\TR-JB06-A-IN.452.png">
          <a:extLst>
            <a:ext uri="{FF2B5EF4-FFF2-40B4-BE49-F238E27FC236}">
              <a16:creationId xmlns:a16="http://schemas.microsoft.com/office/drawing/2014/main" id="{2103DDBD-5D55-4A37-AD54-14751576C03A}"/>
            </a:ext>
          </a:extLst>
        </xdr:cNvPr>
        <xdr:cNvPicPr>
          <a:picLocks noChangeAspect="1" noChangeArrowheads="1"/>
        </xdr:cNvPicPr>
      </xdr:nvPicPr>
      <xdr:blipFill>
        <a:blip xmlns:r="http://schemas.openxmlformats.org/officeDocument/2006/relationships" r:embed="rId98" cstate="email">
          <a:extLst>
            <a:ext uri="{28A0092B-C50C-407E-A947-70E740481C1C}">
              <a14:useLocalDpi xmlns:a14="http://schemas.microsoft.com/office/drawing/2010/main"/>
            </a:ext>
          </a:extLst>
        </a:blip>
        <a:srcRect/>
        <a:stretch>
          <a:fillRect/>
        </a:stretch>
      </xdr:blipFill>
      <xdr:spPr>
        <a:xfrm>
          <a:off x="7029449" y="30189213"/>
          <a:ext cx="930604" cy="775801"/>
        </a:xfrm>
        <a:prstGeom prst="rect">
          <a:avLst/>
        </a:prstGeom>
        <a:noFill/>
      </xdr:spPr>
    </xdr:pic>
    <xdr:clientData/>
  </xdr:twoCellAnchor>
  <xdr:twoCellAnchor>
    <xdr:from>
      <xdr:col>0</xdr:col>
      <xdr:colOff>163830</xdr:colOff>
      <xdr:row>38</xdr:row>
      <xdr:rowOff>839470</xdr:rowOff>
    </xdr:from>
    <xdr:to>
      <xdr:col>0</xdr:col>
      <xdr:colOff>794385</xdr:colOff>
      <xdr:row>39</xdr:row>
      <xdr:rowOff>268605</xdr:rowOff>
    </xdr:to>
    <xdr:pic>
      <xdr:nvPicPr>
        <xdr:cNvPr id="136" name="图片 295" descr="修改">
          <a:extLst>
            <a:ext uri="{FF2B5EF4-FFF2-40B4-BE49-F238E27FC236}">
              <a16:creationId xmlns:a16="http://schemas.microsoft.com/office/drawing/2014/main" id="{EED13EE7-BD09-4D47-9E49-4AEC9ACECB08}"/>
            </a:ext>
          </a:extLst>
        </xdr:cNvPr>
        <xdr:cNvPicPr>
          <a:picLocks noChangeAspect="1"/>
        </xdr:cNvPicPr>
      </xdr:nvPicPr>
      <xdr:blipFill>
        <a:blip xmlns:r="http://schemas.openxmlformats.org/officeDocument/2006/relationships" r:embed="rId99" cstate="email">
          <a:extLst>
            <a:ext uri="{28A0092B-C50C-407E-A947-70E740481C1C}">
              <a14:useLocalDpi xmlns:a14="http://schemas.microsoft.com/office/drawing/2010/main"/>
            </a:ext>
          </a:extLst>
        </a:blip>
        <a:srcRect/>
        <a:stretch>
          <a:fillRect/>
        </a:stretch>
      </xdr:blipFill>
      <xdr:spPr>
        <a:xfrm>
          <a:off x="163830" y="17292320"/>
          <a:ext cx="630555" cy="534035"/>
        </a:xfrm>
        <a:prstGeom prst="rect">
          <a:avLst/>
        </a:prstGeom>
      </xdr:spPr>
    </xdr:pic>
    <xdr:clientData/>
  </xdr:twoCellAnchor>
  <xdr:twoCellAnchor>
    <xdr:from>
      <xdr:col>0</xdr:col>
      <xdr:colOff>1905</xdr:colOff>
      <xdr:row>84</xdr:row>
      <xdr:rowOff>168910</xdr:rowOff>
    </xdr:from>
    <xdr:to>
      <xdr:col>0</xdr:col>
      <xdr:colOff>923925</xdr:colOff>
      <xdr:row>87</xdr:row>
      <xdr:rowOff>351155</xdr:rowOff>
    </xdr:to>
    <xdr:pic>
      <xdr:nvPicPr>
        <xdr:cNvPr id="137" name="图片 2">
          <a:extLst>
            <a:ext uri="{FF2B5EF4-FFF2-40B4-BE49-F238E27FC236}">
              <a16:creationId xmlns:a16="http://schemas.microsoft.com/office/drawing/2014/main" id="{5F39C960-E9E8-4D46-85A3-FA11C2A60EA7}"/>
            </a:ext>
          </a:extLst>
        </xdr:cNvPr>
        <xdr:cNvPicPr>
          <a:picLocks noChangeAspect="1" noChangeArrowheads="1"/>
        </xdr:cNvPicPr>
      </xdr:nvPicPr>
      <xdr:blipFill>
        <a:blip xmlns:r="http://schemas.openxmlformats.org/officeDocument/2006/relationships" r:embed="rId100" cstate="email">
          <a:extLst>
            <a:ext uri="{28A0092B-C50C-407E-A947-70E740481C1C}">
              <a14:useLocalDpi xmlns:a14="http://schemas.microsoft.com/office/drawing/2010/main"/>
            </a:ext>
          </a:extLst>
        </a:blip>
        <a:srcRect/>
        <a:stretch>
          <a:fillRect/>
        </a:stretch>
      </xdr:blipFill>
      <xdr:spPr>
        <a:xfrm>
          <a:off x="1905" y="37373560"/>
          <a:ext cx="922020" cy="918845"/>
        </a:xfrm>
        <a:prstGeom prst="rect">
          <a:avLst/>
        </a:prstGeom>
        <a:noFill/>
        <a:ln>
          <a:noFill/>
        </a:ln>
      </xdr:spPr>
    </xdr:pic>
    <xdr:clientData/>
  </xdr:twoCellAnchor>
  <xdr:twoCellAnchor>
    <xdr:from>
      <xdr:col>2</xdr:col>
      <xdr:colOff>102870</xdr:colOff>
      <xdr:row>83</xdr:row>
      <xdr:rowOff>180340</xdr:rowOff>
    </xdr:from>
    <xdr:to>
      <xdr:col>2</xdr:col>
      <xdr:colOff>1252855</xdr:colOff>
      <xdr:row>83</xdr:row>
      <xdr:rowOff>897255</xdr:rowOff>
    </xdr:to>
    <xdr:pic>
      <xdr:nvPicPr>
        <xdr:cNvPr id="138" name="图片 297" descr="http://sgcdn.uniview.com/res/201802/09/20180209_1611767_11_790242_140445_0.jpg">
          <a:extLst>
            <a:ext uri="{FF2B5EF4-FFF2-40B4-BE49-F238E27FC236}">
              <a16:creationId xmlns:a16="http://schemas.microsoft.com/office/drawing/2014/main" id="{22EB6037-BEA4-4E53-9CE4-ED8E6AE7833B}"/>
            </a:ext>
          </a:extLst>
        </xdr:cNvPr>
        <xdr:cNvPicPr>
          <a:picLocks noChangeAspect="1" noChangeArrowheads="1"/>
        </xdr:cNvPicPr>
      </xdr:nvPicPr>
      <xdr:blipFill>
        <a:blip xmlns:r="http://schemas.openxmlformats.org/officeDocument/2006/relationships" r:embed="rId101" cstate="email">
          <a:extLst>
            <a:ext uri="{28A0092B-C50C-407E-A947-70E740481C1C}">
              <a14:useLocalDpi xmlns:a14="http://schemas.microsoft.com/office/drawing/2010/main"/>
            </a:ext>
          </a:extLst>
        </a:blip>
        <a:srcRect/>
        <a:stretch>
          <a:fillRect/>
        </a:stretch>
      </xdr:blipFill>
      <xdr:spPr>
        <a:xfrm>
          <a:off x="1995170" y="36299140"/>
          <a:ext cx="1111885" cy="71691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417195</xdr:colOff>
      <xdr:row>83</xdr:row>
      <xdr:rowOff>135890</xdr:rowOff>
    </xdr:from>
    <xdr:to>
      <xdr:col>4</xdr:col>
      <xdr:colOff>912495</xdr:colOff>
      <xdr:row>83</xdr:row>
      <xdr:rowOff>850265</xdr:rowOff>
    </xdr:to>
    <xdr:pic>
      <xdr:nvPicPr>
        <xdr:cNvPr id="139" name="图片 298">
          <a:extLst>
            <a:ext uri="{FF2B5EF4-FFF2-40B4-BE49-F238E27FC236}">
              <a16:creationId xmlns:a16="http://schemas.microsoft.com/office/drawing/2014/main" id="{3C60ABF8-C4CF-48D5-93F6-7F27B1014A85}"/>
            </a:ext>
          </a:extLst>
        </xdr:cNvPr>
        <xdr:cNvPicPr/>
      </xdr:nvPicPr>
      <xdr:blipFill>
        <a:blip xmlns:r="http://schemas.openxmlformats.org/officeDocument/2006/relationships" r:embed="rId78" cstate="email">
          <a:extLst>
            <a:ext uri="{28A0092B-C50C-407E-A947-70E740481C1C}">
              <a14:useLocalDpi xmlns:a14="http://schemas.microsoft.com/office/drawing/2010/main"/>
            </a:ext>
          </a:extLst>
        </a:blip>
        <a:srcRect/>
        <a:stretch>
          <a:fillRect/>
        </a:stretch>
      </xdr:blipFill>
      <xdr:spPr>
        <a:xfrm>
          <a:off x="4735195" y="36254690"/>
          <a:ext cx="495300" cy="714375"/>
        </a:xfrm>
        <a:prstGeom prst="rect">
          <a:avLst/>
        </a:prstGeom>
        <a:noFill/>
        <a:ln w="9525">
          <a:noFill/>
          <a:miter lim="800000"/>
          <a:headEnd/>
          <a:tailEnd/>
        </a:ln>
      </xdr:spPr>
    </xdr:pic>
    <xdr:clientData/>
  </xdr:twoCellAnchor>
  <xdr:twoCellAnchor>
    <xdr:from>
      <xdr:col>5</xdr:col>
      <xdr:colOff>332740</xdr:colOff>
      <xdr:row>83</xdr:row>
      <xdr:rowOff>135890</xdr:rowOff>
    </xdr:from>
    <xdr:to>
      <xdr:col>5</xdr:col>
      <xdr:colOff>961390</xdr:colOff>
      <xdr:row>83</xdr:row>
      <xdr:rowOff>979170</xdr:rowOff>
    </xdr:to>
    <xdr:pic>
      <xdr:nvPicPr>
        <xdr:cNvPr id="140" name="图片 299" descr="http://sgcdn.uniview.com/res/201802/09/20180209_1611762_11_790236_140445_0.jpg">
          <a:extLst>
            <a:ext uri="{FF2B5EF4-FFF2-40B4-BE49-F238E27FC236}">
              <a16:creationId xmlns:a16="http://schemas.microsoft.com/office/drawing/2014/main" id="{7F5DB7F1-AF30-47F9-9C9C-A1AEEEA6B0FB}"/>
            </a:ext>
          </a:extLst>
        </xdr:cNvPr>
        <xdr:cNvPicPr>
          <a:picLocks noChangeAspect="1" noChangeArrowheads="1"/>
        </xdr:cNvPicPr>
      </xdr:nvPicPr>
      <xdr:blipFill>
        <a:blip xmlns:r="http://schemas.openxmlformats.org/officeDocument/2006/relationships" r:embed="rId28" cstate="email">
          <a:extLst>
            <a:ext uri="{28A0092B-C50C-407E-A947-70E740481C1C}">
              <a14:useLocalDpi xmlns:a14="http://schemas.microsoft.com/office/drawing/2010/main"/>
            </a:ext>
          </a:extLst>
        </a:blip>
        <a:srcRect/>
        <a:stretch>
          <a:fillRect/>
        </a:stretch>
      </xdr:blipFill>
      <xdr:spPr>
        <a:xfrm>
          <a:off x="5812790" y="36254690"/>
          <a:ext cx="628650" cy="84328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xdr:col>
      <xdr:colOff>180975</xdr:colOff>
      <xdr:row>83</xdr:row>
      <xdr:rowOff>224155</xdr:rowOff>
    </xdr:from>
    <xdr:to>
      <xdr:col>3</xdr:col>
      <xdr:colOff>1184275</xdr:colOff>
      <xdr:row>83</xdr:row>
      <xdr:rowOff>814705</xdr:rowOff>
    </xdr:to>
    <xdr:pic>
      <xdr:nvPicPr>
        <xdr:cNvPr id="141" name="图片 300" descr="D:\外设上网\支架\TR-WM06-F分销支架\TR-WM06-F.png">
          <a:extLst>
            <a:ext uri="{FF2B5EF4-FFF2-40B4-BE49-F238E27FC236}">
              <a16:creationId xmlns:a16="http://schemas.microsoft.com/office/drawing/2014/main" id="{B6A9A587-C326-4417-8B38-1206198DED86}"/>
            </a:ext>
          </a:extLst>
        </xdr:cNvPr>
        <xdr:cNvPicPr/>
      </xdr:nvPicPr>
      <xdr:blipFill>
        <a:blip xmlns:r="http://schemas.openxmlformats.org/officeDocument/2006/relationships" r:embed="rId102" cstate="email">
          <a:extLst>
            <a:ext uri="{28A0092B-C50C-407E-A947-70E740481C1C}">
              <a14:useLocalDpi xmlns:a14="http://schemas.microsoft.com/office/drawing/2010/main"/>
            </a:ext>
          </a:extLst>
        </a:blip>
        <a:srcRect/>
        <a:stretch>
          <a:fillRect/>
        </a:stretch>
      </xdr:blipFill>
      <xdr:spPr>
        <a:xfrm>
          <a:off x="3286125" y="36342955"/>
          <a:ext cx="1003300" cy="590550"/>
        </a:xfrm>
        <a:prstGeom prst="rect">
          <a:avLst/>
        </a:prstGeom>
        <a:noFill/>
        <a:ln>
          <a:noFill/>
        </a:ln>
      </xdr:spPr>
    </xdr:pic>
    <xdr:clientData/>
  </xdr:twoCellAnchor>
  <xdr:twoCellAnchor>
    <xdr:from>
      <xdr:col>2</xdr:col>
      <xdr:colOff>416560</xdr:colOff>
      <xdr:row>76</xdr:row>
      <xdr:rowOff>134620</xdr:rowOff>
    </xdr:from>
    <xdr:to>
      <xdr:col>2</xdr:col>
      <xdr:colOff>911860</xdr:colOff>
      <xdr:row>76</xdr:row>
      <xdr:rowOff>848995</xdr:rowOff>
    </xdr:to>
    <xdr:pic>
      <xdr:nvPicPr>
        <xdr:cNvPr id="142" name="图片 301">
          <a:extLst>
            <a:ext uri="{FF2B5EF4-FFF2-40B4-BE49-F238E27FC236}">
              <a16:creationId xmlns:a16="http://schemas.microsoft.com/office/drawing/2014/main" id="{093ADC82-118B-4900-A68D-8925630D7A93}"/>
            </a:ext>
          </a:extLst>
        </xdr:cNvPr>
        <xdr:cNvPicPr/>
      </xdr:nvPicPr>
      <xdr:blipFill>
        <a:blip xmlns:r="http://schemas.openxmlformats.org/officeDocument/2006/relationships" r:embed="rId78" cstate="email">
          <a:extLst>
            <a:ext uri="{28A0092B-C50C-407E-A947-70E740481C1C}">
              <a14:useLocalDpi xmlns:a14="http://schemas.microsoft.com/office/drawing/2010/main"/>
            </a:ext>
          </a:extLst>
        </a:blip>
        <a:srcRect/>
        <a:stretch>
          <a:fillRect/>
        </a:stretch>
      </xdr:blipFill>
      <xdr:spPr>
        <a:xfrm>
          <a:off x="2308860" y="33326070"/>
          <a:ext cx="495300" cy="714375"/>
        </a:xfrm>
        <a:prstGeom prst="rect">
          <a:avLst/>
        </a:prstGeom>
        <a:noFill/>
        <a:ln w="9525">
          <a:noFill/>
          <a:miter lim="800000"/>
          <a:headEnd/>
          <a:tailEnd/>
        </a:ln>
      </xdr:spPr>
    </xdr:pic>
    <xdr:clientData/>
  </xdr:twoCellAnchor>
  <xdr:twoCellAnchor>
    <xdr:from>
      <xdr:col>4</xdr:col>
      <xdr:colOff>404495</xdr:colOff>
      <xdr:row>76</xdr:row>
      <xdr:rowOff>111760</xdr:rowOff>
    </xdr:from>
    <xdr:to>
      <xdr:col>4</xdr:col>
      <xdr:colOff>918845</xdr:colOff>
      <xdr:row>76</xdr:row>
      <xdr:rowOff>883285</xdr:rowOff>
    </xdr:to>
    <xdr:pic>
      <xdr:nvPicPr>
        <xdr:cNvPr id="143" name="图片 302">
          <a:extLst>
            <a:ext uri="{FF2B5EF4-FFF2-40B4-BE49-F238E27FC236}">
              <a16:creationId xmlns:a16="http://schemas.microsoft.com/office/drawing/2014/main" id="{15843FEB-186F-4DF1-A64C-0F5A6995E210}"/>
            </a:ext>
          </a:extLst>
        </xdr:cNvPr>
        <xdr:cNvPicPr/>
      </xdr:nvPicPr>
      <xdr:blipFill>
        <a:blip xmlns:r="http://schemas.openxmlformats.org/officeDocument/2006/relationships" r:embed="rId80" cstate="email">
          <a:extLst>
            <a:ext uri="{28A0092B-C50C-407E-A947-70E740481C1C}">
              <a14:useLocalDpi xmlns:a14="http://schemas.microsoft.com/office/drawing/2010/main"/>
            </a:ext>
          </a:extLst>
        </a:blip>
        <a:srcRect/>
        <a:stretch>
          <a:fillRect/>
        </a:stretch>
      </xdr:blipFill>
      <xdr:spPr>
        <a:xfrm>
          <a:off x="4722495" y="33303210"/>
          <a:ext cx="514350" cy="771525"/>
        </a:xfrm>
        <a:prstGeom prst="rect">
          <a:avLst/>
        </a:prstGeom>
        <a:noFill/>
        <a:ln w="9525">
          <a:noFill/>
          <a:miter lim="800000"/>
          <a:headEnd/>
          <a:tailEnd/>
        </a:ln>
      </xdr:spPr>
    </xdr:pic>
    <xdr:clientData/>
  </xdr:twoCellAnchor>
  <xdr:oneCellAnchor>
    <xdr:from>
      <xdr:col>5</xdr:col>
      <xdr:colOff>501015</xdr:colOff>
      <xdr:row>76</xdr:row>
      <xdr:rowOff>291465</xdr:rowOff>
    </xdr:from>
    <xdr:ext cx="350520" cy="448310"/>
    <xdr:pic>
      <xdr:nvPicPr>
        <xdr:cNvPr id="144" name="图片 303" descr="134345546">
          <a:extLst>
            <a:ext uri="{FF2B5EF4-FFF2-40B4-BE49-F238E27FC236}">
              <a16:creationId xmlns:a16="http://schemas.microsoft.com/office/drawing/2014/main" id="{E7AA303F-091E-4E1A-A39B-3F4EB26D4CB7}"/>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5981065" y="33482915"/>
          <a:ext cx="350520" cy="448310"/>
        </a:xfrm>
        <a:prstGeom prst="rect">
          <a:avLst/>
        </a:prstGeom>
      </xdr:spPr>
    </xdr:pic>
    <xdr:clientData/>
  </xdr:oneCellAnchor>
  <xdr:twoCellAnchor editAs="oneCell">
    <xdr:from>
      <xdr:col>8</xdr:col>
      <xdr:colOff>420370</xdr:colOff>
      <xdr:row>11</xdr:row>
      <xdr:rowOff>255270</xdr:rowOff>
    </xdr:from>
    <xdr:to>
      <xdr:col>8</xdr:col>
      <xdr:colOff>770890</xdr:colOff>
      <xdr:row>11</xdr:row>
      <xdr:rowOff>703580</xdr:rowOff>
    </xdr:to>
    <xdr:pic>
      <xdr:nvPicPr>
        <xdr:cNvPr id="145" name="图片 304" descr="134345546">
          <a:extLst>
            <a:ext uri="{FF2B5EF4-FFF2-40B4-BE49-F238E27FC236}">
              <a16:creationId xmlns:a16="http://schemas.microsoft.com/office/drawing/2014/main" id="{19E8D3F7-0DA2-4102-8430-2A087B09F6EE}"/>
            </a:ext>
          </a:extLst>
        </xdr:cNvPr>
        <xdr:cNvPicPr>
          <a:picLocks noChangeAspect="1"/>
        </xdr:cNvPicPr>
      </xdr:nvPicPr>
      <xdr:blipFill>
        <a:blip xmlns:r="http://schemas.openxmlformats.org/officeDocument/2006/relationships" r:embed="rId18" cstate="email">
          <a:extLst>
            <a:ext uri="{28A0092B-C50C-407E-A947-70E740481C1C}">
              <a14:useLocalDpi xmlns:a14="http://schemas.microsoft.com/office/drawing/2010/main"/>
            </a:ext>
          </a:extLst>
        </a:blip>
        <a:stretch>
          <a:fillRect/>
        </a:stretch>
      </xdr:blipFill>
      <xdr:spPr>
        <a:xfrm>
          <a:off x="9958070" y="4027170"/>
          <a:ext cx="350520" cy="448310"/>
        </a:xfrm>
        <a:prstGeom prst="rect">
          <a:avLst/>
        </a:prstGeom>
      </xdr:spPr>
    </xdr:pic>
    <xdr:clientData/>
  </xdr:twoCellAnchor>
  <xdr:twoCellAnchor editAs="oneCell">
    <xdr:from>
      <xdr:col>7</xdr:col>
      <xdr:colOff>129540</xdr:colOff>
      <xdr:row>11</xdr:row>
      <xdr:rowOff>288925</xdr:rowOff>
    </xdr:from>
    <xdr:to>
      <xdr:col>7</xdr:col>
      <xdr:colOff>1313815</xdr:colOff>
      <xdr:row>11</xdr:row>
      <xdr:rowOff>647065</xdr:rowOff>
    </xdr:to>
    <xdr:pic>
      <xdr:nvPicPr>
        <xdr:cNvPr id="146" name="图片 305" descr="323系列半球电器盒.png">
          <a:extLst>
            <a:ext uri="{FF2B5EF4-FFF2-40B4-BE49-F238E27FC236}">
              <a16:creationId xmlns:a16="http://schemas.microsoft.com/office/drawing/2014/main" id="{BFF2B9E3-86E2-4170-B6A5-F9654604D747}"/>
            </a:ext>
          </a:extLst>
        </xdr:cNvPr>
        <xdr:cNvPicPr>
          <a:picLocks noChangeAspect="1"/>
        </xdr:cNvPicPr>
      </xdr:nvPicPr>
      <xdr:blipFill>
        <a:blip xmlns:r="http://schemas.openxmlformats.org/officeDocument/2006/relationships" r:embed="rId103" cstate="email">
          <a:extLst>
            <a:ext uri="{28A0092B-C50C-407E-A947-70E740481C1C}">
              <a14:useLocalDpi xmlns:a14="http://schemas.microsoft.com/office/drawing/2010/main"/>
            </a:ext>
          </a:extLst>
        </a:blip>
        <a:srcRect/>
        <a:stretch>
          <a:fillRect/>
        </a:stretch>
      </xdr:blipFill>
      <xdr:spPr>
        <a:xfrm>
          <a:off x="8340090" y="4060825"/>
          <a:ext cx="1184275" cy="358140"/>
        </a:xfrm>
        <a:prstGeom prst="rect">
          <a:avLst/>
        </a:prstGeom>
      </xdr:spPr>
    </xdr:pic>
    <xdr:clientData/>
  </xdr:twoCellAnchor>
  <xdr:twoCellAnchor editAs="oneCell">
    <xdr:from>
      <xdr:col>9</xdr:col>
      <xdr:colOff>321945</xdr:colOff>
      <xdr:row>11</xdr:row>
      <xdr:rowOff>51435</xdr:rowOff>
    </xdr:from>
    <xdr:to>
      <xdr:col>9</xdr:col>
      <xdr:colOff>817245</xdr:colOff>
      <xdr:row>12</xdr:row>
      <xdr:rowOff>41910</xdr:rowOff>
    </xdr:to>
    <xdr:pic>
      <xdr:nvPicPr>
        <xdr:cNvPr id="147" name="图片 306" descr="untitled.880.png">
          <a:extLst>
            <a:ext uri="{FF2B5EF4-FFF2-40B4-BE49-F238E27FC236}">
              <a16:creationId xmlns:a16="http://schemas.microsoft.com/office/drawing/2014/main" id="{53CEA698-E378-4761-812A-BE486C6FA237}"/>
            </a:ext>
          </a:extLst>
        </xdr:cNvPr>
        <xdr:cNvPicPr>
          <a:picLocks noChangeAspect="1"/>
        </xdr:cNvPicPr>
      </xdr:nvPicPr>
      <xdr:blipFill>
        <a:blip xmlns:r="http://schemas.openxmlformats.org/officeDocument/2006/relationships" r:embed="rId104" cstate="email">
          <a:extLst>
            <a:ext uri="{28A0092B-C50C-407E-A947-70E740481C1C}">
              <a14:useLocalDpi xmlns:a14="http://schemas.microsoft.com/office/drawing/2010/main"/>
            </a:ext>
          </a:extLst>
        </a:blip>
        <a:srcRect/>
        <a:stretch>
          <a:fillRect/>
        </a:stretch>
      </xdr:blipFill>
      <xdr:spPr>
        <a:xfrm>
          <a:off x="10939145" y="3823335"/>
          <a:ext cx="495300" cy="885825"/>
        </a:xfrm>
        <a:prstGeom prst="rect">
          <a:avLst/>
        </a:prstGeom>
      </xdr:spPr>
    </xdr:pic>
    <xdr:clientData/>
  </xdr:twoCellAnchor>
  <xdr:twoCellAnchor editAs="oneCell">
    <xdr:from>
      <xdr:col>10</xdr:col>
      <xdr:colOff>300990</xdr:colOff>
      <xdr:row>11</xdr:row>
      <xdr:rowOff>71755</xdr:rowOff>
    </xdr:from>
    <xdr:to>
      <xdr:col>10</xdr:col>
      <xdr:colOff>767715</xdr:colOff>
      <xdr:row>12</xdr:row>
      <xdr:rowOff>107950</xdr:rowOff>
    </xdr:to>
    <xdr:pic>
      <xdr:nvPicPr>
        <xdr:cNvPr id="148" name="图片 307" descr="untitled.882.png">
          <a:extLst>
            <a:ext uri="{FF2B5EF4-FFF2-40B4-BE49-F238E27FC236}">
              <a16:creationId xmlns:a16="http://schemas.microsoft.com/office/drawing/2014/main" id="{EEDD039A-909F-4621-AA0E-B829CB17BF90}"/>
            </a:ext>
          </a:extLst>
        </xdr:cNvPr>
        <xdr:cNvPicPr>
          <a:picLocks noChangeAspect="1"/>
        </xdr:cNvPicPr>
      </xdr:nvPicPr>
      <xdr:blipFill>
        <a:blip xmlns:r="http://schemas.openxmlformats.org/officeDocument/2006/relationships" r:embed="rId105" cstate="email">
          <a:extLst>
            <a:ext uri="{28A0092B-C50C-407E-A947-70E740481C1C}">
              <a14:useLocalDpi xmlns:a14="http://schemas.microsoft.com/office/drawing/2010/main"/>
            </a:ext>
          </a:extLst>
        </a:blip>
        <a:srcRect/>
        <a:stretch>
          <a:fillRect/>
        </a:stretch>
      </xdr:blipFill>
      <xdr:spPr>
        <a:xfrm rot="10800000">
          <a:off x="11997690" y="3843655"/>
          <a:ext cx="466725" cy="931545"/>
        </a:xfrm>
        <a:prstGeom prst="rect">
          <a:avLst/>
        </a:prstGeom>
      </xdr:spPr>
    </xdr:pic>
    <xdr:clientData/>
  </xdr:twoCellAnchor>
  <xdr:twoCellAnchor editAs="oneCell">
    <xdr:from>
      <xdr:col>11</xdr:col>
      <xdr:colOff>415925</xdr:colOff>
      <xdr:row>11</xdr:row>
      <xdr:rowOff>67945</xdr:rowOff>
    </xdr:from>
    <xdr:to>
      <xdr:col>11</xdr:col>
      <xdr:colOff>835025</xdr:colOff>
      <xdr:row>12</xdr:row>
      <xdr:rowOff>75565</xdr:rowOff>
    </xdr:to>
    <xdr:pic>
      <xdr:nvPicPr>
        <xdr:cNvPr id="149" name="图片 308" descr="untitled.885.png">
          <a:extLst>
            <a:ext uri="{FF2B5EF4-FFF2-40B4-BE49-F238E27FC236}">
              <a16:creationId xmlns:a16="http://schemas.microsoft.com/office/drawing/2014/main" id="{7CDAC74D-69EA-47B3-AE02-2D1135032BFD}"/>
            </a:ext>
          </a:extLst>
        </xdr:cNvPr>
        <xdr:cNvPicPr>
          <a:picLocks noChangeAspect="1"/>
        </xdr:cNvPicPr>
      </xdr:nvPicPr>
      <xdr:blipFill>
        <a:blip xmlns:r="http://schemas.openxmlformats.org/officeDocument/2006/relationships" r:embed="rId106" cstate="screen">
          <a:extLst>
            <a:ext uri="{28A0092B-C50C-407E-A947-70E740481C1C}">
              <a14:useLocalDpi xmlns:a14="http://schemas.microsoft.com/office/drawing/2010/main"/>
            </a:ext>
          </a:extLst>
        </a:blip>
        <a:srcRect/>
        <a:stretch>
          <a:fillRect/>
        </a:stretch>
      </xdr:blipFill>
      <xdr:spPr>
        <a:xfrm rot="10800000">
          <a:off x="13192125" y="3839845"/>
          <a:ext cx="419100" cy="902970"/>
        </a:xfrm>
        <a:prstGeom prst="rect">
          <a:avLst/>
        </a:prstGeom>
      </xdr:spPr>
    </xdr:pic>
    <xdr:clientData/>
  </xdr:twoCellAnchor>
  <xdr:twoCellAnchor editAs="oneCell">
    <xdr:from>
      <xdr:col>0</xdr:col>
      <xdr:colOff>44823</xdr:colOff>
      <xdr:row>150</xdr:row>
      <xdr:rowOff>168089</xdr:rowOff>
    </xdr:from>
    <xdr:to>
      <xdr:col>0</xdr:col>
      <xdr:colOff>888626</xdr:colOff>
      <xdr:row>152</xdr:row>
      <xdr:rowOff>273580</xdr:rowOff>
    </xdr:to>
    <xdr:pic>
      <xdr:nvPicPr>
        <xdr:cNvPr id="150" name="图片 309">
          <a:extLst>
            <a:ext uri="{FF2B5EF4-FFF2-40B4-BE49-F238E27FC236}">
              <a16:creationId xmlns:a16="http://schemas.microsoft.com/office/drawing/2014/main" id="{CF63E34A-C09B-499B-AA74-368F1D666BC6}"/>
            </a:ext>
          </a:extLst>
        </xdr:cNvPr>
        <xdr:cNvPicPr>
          <a:picLocks noChangeAspect="1"/>
        </xdr:cNvPicPr>
      </xdr:nvPicPr>
      <xdr:blipFill>
        <a:blip xmlns:r="http://schemas.openxmlformats.org/officeDocument/2006/relationships" r:embed="rId107" cstate="email">
          <a:extLst>
            <a:ext uri="{28A0092B-C50C-407E-A947-70E740481C1C}">
              <a14:useLocalDpi xmlns:a14="http://schemas.microsoft.com/office/drawing/2010/main"/>
            </a:ext>
          </a:extLst>
        </a:blip>
        <a:stretch>
          <a:fillRect/>
        </a:stretch>
      </xdr:blipFill>
      <xdr:spPr>
        <a:xfrm>
          <a:off x="44823" y="63363289"/>
          <a:ext cx="843803" cy="473791"/>
        </a:xfrm>
        <a:prstGeom prst="rect">
          <a:avLst/>
        </a:prstGeom>
      </xdr:spPr>
    </xdr:pic>
    <xdr:clientData/>
  </xdr:twoCellAnchor>
  <xdr:twoCellAnchor editAs="oneCell">
    <xdr:from>
      <xdr:col>2</xdr:col>
      <xdr:colOff>302559</xdr:colOff>
      <xdr:row>149</xdr:row>
      <xdr:rowOff>89647</xdr:rowOff>
    </xdr:from>
    <xdr:to>
      <xdr:col>2</xdr:col>
      <xdr:colOff>1121709</xdr:colOff>
      <xdr:row>149</xdr:row>
      <xdr:rowOff>965199</xdr:rowOff>
    </xdr:to>
    <xdr:pic>
      <xdr:nvPicPr>
        <xdr:cNvPr id="151" name="图片 310" descr="\\Info-server\国内支撑平台\前端IPC\渲染图\配件\支架\TR-CM06-C-IN 四目吊装支架\TR-CM06-C-IN 四目吊装支架-RF.png">
          <a:extLst>
            <a:ext uri="{FF2B5EF4-FFF2-40B4-BE49-F238E27FC236}">
              <a16:creationId xmlns:a16="http://schemas.microsoft.com/office/drawing/2014/main" id="{976022F5-EC60-45CC-9240-BC79384031B3}"/>
            </a:ext>
          </a:extLst>
        </xdr:cNvPr>
        <xdr:cNvPicPr/>
      </xdr:nvPicPr>
      <xdr:blipFill>
        <a:blip xmlns:r="http://schemas.openxmlformats.org/officeDocument/2006/relationships" r:embed="rId108" cstate="email">
          <a:extLst>
            <a:ext uri="{28A0092B-C50C-407E-A947-70E740481C1C}">
              <a14:useLocalDpi xmlns:a14="http://schemas.microsoft.com/office/drawing/2010/main"/>
            </a:ext>
          </a:extLst>
        </a:blip>
        <a:srcRect/>
        <a:stretch>
          <a:fillRect/>
        </a:stretch>
      </xdr:blipFill>
      <xdr:spPr>
        <a:xfrm>
          <a:off x="2194859" y="62294247"/>
          <a:ext cx="819150" cy="875552"/>
        </a:xfrm>
        <a:prstGeom prst="rect">
          <a:avLst/>
        </a:prstGeom>
        <a:noFill/>
        <a:ln>
          <a:noFill/>
        </a:ln>
      </xdr:spPr>
    </xdr:pic>
    <xdr:clientData/>
  </xdr:twoCellAnchor>
  <xdr:twoCellAnchor editAs="oneCell">
    <xdr:from>
      <xdr:col>3</xdr:col>
      <xdr:colOff>212912</xdr:colOff>
      <xdr:row>149</xdr:row>
      <xdr:rowOff>134470</xdr:rowOff>
    </xdr:from>
    <xdr:to>
      <xdr:col>3</xdr:col>
      <xdr:colOff>1131676</xdr:colOff>
      <xdr:row>149</xdr:row>
      <xdr:rowOff>820270</xdr:rowOff>
    </xdr:to>
    <xdr:pic>
      <xdr:nvPicPr>
        <xdr:cNvPr id="152" name="图片 311" descr="\\Info-server\国内支撑平台\前端IPC\渲染图\配件\支架\TR-UV06-C-IN 四目二维支架\TR-UV06-C-IN 四目二维支架-RF.png">
          <a:extLst>
            <a:ext uri="{FF2B5EF4-FFF2-40B4-BE49-F238E27FC236}">
              <a16:creationId xmlns:a16="http://schemas.microsoft.com/office/drawing/2014/main" id="{372A32DC-ED10-4901-9F0B-EAA87219BBEE}"/>
            </a:ext>
          </a:extLst>
        </xdr:cNvPr>
        <xdr:cNvPicPr/>
      </xdr:nvPicPr>
      <xdr:blipFill>
        <a:blip xmlns:r="http://schemas.openxmlformats.org/officeDocument/2006/relationships" r:embed="rId109" cstate="email">
          <a:extLst>
            <a:ext uri="{28A0092B-C50C-407E-A947-70E740481C1C}">
              <a14:useLocalDpi xmlns:a14="http://schemas.microsoft.com/office/drawing/2010/main"/>
            </a:ext>
          </a:extLst>
        </a:blip>
        <a:srcRect/>
        <a:stretch>
          <a:fillRect/>
        </a:stretch>
      </xdr:blipFill>
      <xdr:spPr>
        <a:xfrm>
          <a:off x="3318062" y="62339070"/>
          <a:ext cx="918764" cy="685800"/>
        </a:xfrm>
        <a:prstGeom prst="rect">
          <a:avLst/>
        </a:prstGeom>
        <a:noFill/>
        <a:ln>
          <a:noFill/>
        </a:ln>
      </xdr:spPr>
    </xdr:pic>
    <xdr:clientData/>
  </xdr:twoCellAnchor>
  <xdr:twoCellAnchor editAs="oneCell">
    <xdr:from>
      <xdr:col>4</xdr:col>
      <xdr:colOff>44824</xdr:colOff>
      <xdr:row>149</xdr:row>
      <xdr:rowOff>100853</xdr:rowOff>
    </xdr:from>
    <xdr:to>
      <xdr:col>5</xdr:col>
      <xdr:colOff>3074</xdr:colOff>
      <xdr:row>149</xdr:row>
      <xdr:rowOff>975283</xdr:rowOff>
    </xdr:to>
    <xdr:pic>
      <xdr:nvPicPr>
        <xdr:cNvPr id="153" name="图片 312" descr="\\Info-server\国内支撑平台\前端IPC\渲染图\配件\支架\四目壁装支架\四目壁装支架-R.png">
          <a:extLst>
            <a:ext uri="{FF2B5EF4-FFF2-40B4-BE49-F238E27FC236}">
              <a16:creationId xmlns:a16="http://schemas.microsoft.com/office/drawing/2014/main" id="{6F19B778-D1E2-4047-A847-FA026C549E3C}"/>
            </a:ext>
          </a:extLst>
        </xdr:cNvPr>
        <xdr:cNvPicPr/>
      </xdr:nvPicPr>
      <xdr:blipFill>
        <a:blip xmlns:r="http://schemas.openxmlformats.org/officeDocument/2006/relationships" r:embed="rId110" cstate="email">
          <a:extLst>
            <a:ext uri="{28A0092B-C50C-407E-A947-70E740481C1C}">
              <a14:useLocalDpi xmlns:a14="http://schemas.microsoft.com/office/drawing/2010/main"/>
            </a:ext>
          </a:extLst>
        </a:blip>
        <a:srcRect/>
        <a:stretch>
          <a:fillRect/>
        </a:stretch>
      </xdr:blipFill>
      <xdr:spPr>
        <a:xfrm>
          <a:off x="4362824" y="62305453"/>
          <a:ext cx="1120300" cy="874430"/>
        </a:xfrm>
        <a:prstGeom prst="rect">
          <a:avLst/>
        </a:prstGeom>
        <a:noFill/>
        <a:ln>
          <a:noFill/>
        </a:ln>
      </xdr:spPr>
    </xdr:pic>
    <xdr:clientData/>
  </xdr:twoCellAnchor>
  <xdr:twoCellAnchor editAs="oneCell">
    <xdr:from>
      <xdr:col>5</xdr:col>
      <xdr:colOff>280147</xdr:colOff>
      <xdr:row>149</xdr:row>
      <xdr:rowOff>190500</xdr:rowOff>
    </xdr:from>
    <xdr:to>
      <xdr:col>5</xdr:col>
      <xdr:colOff>1000695</xdr:colOff>
      <xdr:row>149</xdr:row>
      <xdr:rowOff>851002</xdr:rowOff>
    </xdr:to>
    <xdr:pic>
      <xdr:nvPicPr>
        <xdr:cNvPr id="154" name="图片 313">
          <a:extLst>
            <a:ext uri="{FF2B5EF4-FFF2-40B4-BE49-F238E27FC236}">
              <a16:creationId xmlns:a16="http://schemas.microsoft.com/office/drawing/2014/main" id="{94FD2E61-BE5B-467E-A75E-88BB7594EDF7}"/>
            </a:ext>
          </a:extLst>
        </xdr:cNvPr>
        <xdr:cNvPicPr/>
      </xdr:nvPicPr>
      <xdr:blipFill>
        <a:blip xmlns:r="http://schemas.openxmlformats.org/officeDocument/2006/relationships" r:embed="rId111" cstate="email">
          <a:extLst>
            <a:ext uri="{28A0092B-C50C-407E-A947-70E740481C1C}">
              <a14:useLocalDpi xmlns:a14="http://schemas.microsoft.com/office/drawing/2010/main"/>
            </a:ext>
          </a:extLst>
        </a:blip>
        <a:srcRect/>
        <a:stretch>
          <a:fillRect/>
        </a:stretch>
      </xdr:blipFill>
      <xdr:spPr>
        <a:xfrm>
          <a:off x="5760197" y="62395100"/>
          <a:ext cx="720548" cy="660502"/>
        </a:xfrm>
        <a:prstGeom prst="rect">
          <a:avLst/>
        </a:prstGeom>
        <a:noFill/>
        <a:ln w="9525">
          <a:noFill/>
          <a:miter lim="800000"/>
          <a:headEnd/>
          <a:tailEnd/>
        </a:ln>
      </xdr:spPr>
    </xdr:pic>
    <xdr:clientData/>
  </xdr:twoCellAnchor>
  <xdr:twoCellAnchor editAs="oneCell">
    <xdr:from>
      <xdr:col>6</xdr:col>
      <xdr:colOff>336177</xdr:colOff>
      <xdr:row>149</xdr:row>
      <xdr:rowOff>89646</xdr:rowOff>
    </xdr:from>
    <xdr:to>
      <xdr:col>6</xdr:col>
      <xdr:colOff>1128265</xdr:colOff>
      <xdr:row>150</xdr:row>
      <xdr:rowOff>3195</xdr:rowOff>
    </xdr:to>
    <xdr:pic>
      <xdr:nvPicPr>
        <xdr:cNvPr id="155" name="图片 314">
          <a:extLst>
            <a:ext uri="{FF2B5EF4-FFF2-40B4-BE49-F238E27FC236}">
              <a16:creationId xmlns:a16="http://schemas.microsoft.com/office/drawing/2014/main" id="{A0D21BA6-F014-4D38-B6EE-B9C50794B3ED}"/>
            </a:ext>
          </a:extLst>
        </xdr:cNvPr>
        <xdr:cNvPicPr/>
      </xdr:nvPicPr>
      <xdr:blipFill>
        <a:blip xmlns:r="http://schemas.openxmlformats.org/officeDocument/2006/relationships" r:embed="rId112" cstate="email">
          <a:extLst>
            <a:ext uri="{28A0092B-C50C-407E-A947-70E740481C1C}">
              <a14:useLocalDpi xmlns:a14="http://schemas.microsoft.com/office/drawing/2010/main"/>
            </a:ext>
          </a:extLst>
        </a:blip>
        <a:srcRect/>
        <a:stretch>
          <a:fillRect/>
        </a:stretch>
      </xdr:blipFill>
      <xdr:spPr>
        <a:xfrm rot="5400000">
          <a:off x="6992096" y="62350277"/>
          <a:ext cx="904149" cy="792088"/>
        </a:xfrm>
        <a:prstGeom prst="rect">
          <a:avLst/>
        </a:prstGeom>
        <a:noFill/>
        <a:ln w="9525">
          <a:noFill/>
          <a:miter lim="800000"/>
          <a:headEnd/>
          <a:tailEnd/>
        </a:ln>
      </xdr:spPr>
    </xdr:pic>
    <xdr:clientData/>
  </xdr:twoCellAnchor>
  <xdr:twoCellAnchor>
    <xdr:from>
      <xdr:col>3</xdr:col>
      <xdr:colOff>350520</xdr:colOff>
      <xdr:row>68</xdr:row>
      <xdr:rowOff>255905</xdr:rowOff>
    </xdr:from>
    <xdr:to>
      <xdr:col>3</xdr:col>
      <xdr:colOff>974090</xdr:colOff>
      <xdr:row>68</xdr:row>
      <xdr:rowOff>892175</xdr:rowOff>
    </xdr:to>
    <xdr:pic>
      <xdr:nvPicPr>
        <xdr:cNvPr id="156" name="图片 315">
          <a:extLst>
            <a:ext uri="{FF2B5EF4-FFF2-40B4-BE49-F238E27FC236}">
              <a16:creationId xmlns:a16="http://schemas.microsoft.com/office/drawing/2014/main" id="{ABD49DCA-1F5D-4089-9CC8-15C37219C01C}"/>
            </a:ext>
          </a:extLst>
        </xdr:cNvPr>
        <xdr:cNvPicPr>
          <a:picLocks noChangeAspect="1"/>
        </xdr:cNvPicPr>
      </xdr:nvPicPr>
      <xdr:blipFill>
        <a:blip xmlns:r="http://schemas.openxmlformats.org/officeDocument/2006/relationships" r:embed="rId113" cstate="email">
          <a:clrChange>
            <a:clrFrom>
              <a:srgbClr val="EEF3FA">
                <a:alpha val="100000"/>
              </a:srgbClr>
            </a:clrFrom>
            <a:clrTo>
              <a:srgbClr val="EEF3FA">
                <a:alpha val="100000"/>
                <a:alpha val="0"/>
              </a:srgbClr>
            </a:clrTo>
          </a:clrChange>
          <a:extLst>
            <a:ext uri="{28A0092B-C50C-407E-A947-70E740481C1C}">
              <a14:useLocalDpi xmlns:a14="http://schemas.microsoft.com/office/drawing/2010/main"/>
            </a:ext>
          </a:extLst>
        </a:blip>
        <a:stretch>
          <a:fillRect/>
        </a:stretch>
      </xdr:blipFill>
      <xdr:spPr>
        <a:xfrm>
          <a:off x="3455670" y="30215205"/>
          <a:ext cx="623570" cy="636270"/>
        </a:xfrm>
        <a:prstGeom prst="rect">
          <a:avLst/>
        </a:prstGeom>
      </xdr:spPr>
    </xdr:pic>
    <xdr:clientData/>
  </xdr:twoCellAnchor>
  <xdr:twoCellAnchor>
    <xdr:from>
      <xdr:col>3</xdr:col>
      <xdr:colOff>306070</xdr:colOff>
      <xdr:row>76</xdr:row>
      <xdr:rowOff>233680</xdr:rowOff>
    </xdr:from>
    <xdr:to>
      <xdr:col>3</xdr:col>
      <xdr:colOff>929640</xdr:colOff>
      <xdr:row>76</xdr:row>
      <xdr:rowOff>869950</xdr:rowOff>
    </xdr:to>
    <xdr:pic>
      <xdr:nvPicPr>
        <xdr:cNvPr id="157" name="图片 316">
          <a:extLst>
            <a:ext uri="{FF2B5EF4-FFF2-40B4-BE49-F238E27FC236}">
              <a16:creationId xmlns:a16="http://schemas.microsoft.com/office/drawing/2014/main" id="{AB7F877D-734E-4B8D-888D-A3D7F190DA6B}"/>
            </a:ext>
          </a:extLst>
        </xdr:cNvPr>
        <xdr:cNvPicPr>
          <a:picLocks noChangeAspect="1"/>
        </xdr:cNvPicPr>
      </xdr:nvPicPr>
      <xdr:blipFill>
        <a:blip xmlns:r="http://schemas.openxmlformats.org/officeDocument/2006/relationships" r:embed="rId113" cstate="email">
          <a:clrChange>
            <a:clrFrom>
              <a:srgbClr val="EEF3FA">
                <a:alpha val="100000"/>
              </a:srgbClr>
            </a:clrFrom>
            <a:clrTo>
              <a:srgbClr val="EEF3FA">
                <a:alpha val="100000"/>
                <a:alpha val="0"/>
              </a:srgbClr>
            </a:clrTo>
          </a:clrChange>
          <a:extLst>
            <a:ext uri="{28A0092B-C50C-407E-A947-70E740481C1C}">
              <a14:useLocalDpi xmlns:a14="http://schemas.microsoft.com/office/drawing/2010/main"/>
            </a:ext>
          </a:extLst>
        </a:blip>
        <a:stretch>
          <a:fillRect/>
        </a:stretch>
      </xdr:blipFill>
      <xdr:spPr>
        <a:xfrm>
          <a:off x="3411220" y="33425130"/>
          <a:ext cx="623570" cy="636270"/>
        </a:xfrm>
        <a:prstGeom prst="rect">
          <a:avLst/>
        </a:prstGeom>
      </xdr:spPr>
    </xdr:pic>
    <xdr:clientData/>
  </xdr:twoCellAnchor>
  <xdr:twoCellAnchor editAs="oneCell">
    <xdr:from>
      <xdr:col>12</xdr:col>
      <xdr:colOff>1215390</xdr:colOff>
      <xdr:row>2</xdr:row>
      <xdr:rowOff>259715</xdr:rowOff>
    </xdr:from>
    <xdr:to>
      <xdr:col>14</xdr:col>
      <xdr:colOff>41275</xdr:colOff>
      <xdr:row>2</xdr:row>
      <xdr:rowOff>866140</xdr:rowOff>
    </xdr:to>
    <xdr:pic>
      <xdr:nvPicPr>
        <xdr:cNvPr id="158" name="图片 317" descr="图片1---29护罩基本款">
          <a:extLst>
            <a:ext uri="{FF2B5EF4-FFF2-40B4-BE49-F238E27FC236}">
              <a16:creationId xmlns:a16="http://schemas.microsoft.com/office/drawing/2014/main" id="{26EFF03A-182D-45E8-9491-3070AC906D6B}"/>
            </a:ext>
          </a:extLst>
        </xdr:cNvPr>
        <xdr:cNvPicPr>
          <a:picLocks noChangeAspect="1"/>
        </xdr:cNvPicPr>
      </xdr:nvPicPr>
      <xdr:blipFill>
        <a:blip xmlns:r="http://schemas.openxmlformats.org/officeDocument/2006/relationships" r:embed="rId114" cstate="email">
          <a:extLst>
            <a:ext uri="{28A0092B-C50C-407E-A947-70E740481C1C}">
              <a14:useLocalDpi xmlns:a14="http://schemas.microsoft.com/office/drawing/2010/main"/>
            </a:ext>
          </a:extLst>
        </a:blip>
        <a:stretch>
          <a:fillRect/>
        </a:stretch>
      </xdr:blipFill>
      <xdr:spPr>
        <a:xfrm>
          <a:off x="15210790" y="634365"/>
          <a:ext cx="1391285" cy="606425"/>
        </a:xfrm>
        <a:prstGeom prst="rect">
          <a:avLst/>
        </a:prstGeom>
      </xdr:spPr>
    </xdr:pic>
    <xdr:clientData/>
  </xdr:twoCellAnchor>
  <xdr:twoCellAnchor editAs="oneCell">
    <xdr:from>
      <xdr:col>14</xdr:col>
      <xdr:colOff>1069340</xdr:colOff>
      <xdr:row>2</xdr:row>
      <xdr:rowOff>380365</xdr:rowOff>
    </xdr:from>
    <xdr:to>
      <xdr:col>16</xdr:col>
      <xdr:colOff>300990</xdr:colOff>
      <xdr:row>2</xdr:row>
      <xdr:rowOff>888365</xdr:rowOff>
    </xdr:to>
    <xdr:pic>
      <xdr:nvPicPr>
        <xdr:cNvPr id="159" name="图片 318" descr="图片--29护罩红外款">
          <a:extLst>
            <a:ext uri="{FF2B5EF4-FFF2-40B4-BE49-F238E27FC236}">
              <a16:creationId xmlns:a16="http://schemas.microsoft.com/office/drawing/2014/main" id="{0B8F2A4F-6068-4E1D-BC1F-CECB068521FA}"/>
            </a:ext>
          </a:extLst>
        </xdr:cNvPr>
        <xdr:cNvPicPr>
          <a:picLocks noChangeAspect="1"/>
        </xdr:cNvPicPr>
      </xdr:nvPicPr>
      <xdr:blipFill>
        <a:blip xmlns:r="http://schemas.openxmlformats.org/officeDocument/2006/relationships" r:embed="rId115" cstate="email">
          <a:extLst>
            <a:ext uri="{28A0092B-C50C-407E-A947-70E740481C1C}">
              <a14:useLocalDpi xmlns:a14="http://schemas.microsoft.com/office/drawing/2010/main"/>
            </a:ext>
          </a:extLst>
        </a:blip>
        <a:stretch>
          <a:fillRect/>
        </a:stretch>
      </xdr:blipFill>
      <xdr:spPr>
        <a:xfrm>
          <a:off x="17630140" y="755015"/>
          <a:ext cx="1739900" cy="508000"/>
        </a:xfrm>
        <a:prstGeom prst="rect">
          <a:avLst/>
        </a:prstGeom>
      </xdr:spPr>
    </xdr:pic>
    <xdr:clientData/>
  </xdr:twoCellAnchor>
  <xdr:twoCellAnchor editAs="oneCell">
    <xdr:from>
      <xdr:col>13</xdr:col>
      <xdr:colOff>1376045</xdr:colOff>
      <xdr:row>2</xdr:row>
      <xdr:rowOff>323215</xdr:rowOff>
    </xdr:from>
    <xdr:to>
      <xdr:col>15</xdr:col>
      <xdr:colOff>162560</xdr:colOff>
      <xdr:row>2</xdr:row>
      <xdr:rowOff>929640</xdr:rowOff>
    </xdr:to>
    <xdr:pic>
      <xdr:nvPicPr>
        <xdr:cNvPr id="160" name="图片 319" descr="图片1---29护罩基本款">
          <a:extLst>
            <a:ext uri="{FF2B5EF4-FFF2-40B4-BE49-F238E27FC236}">
              <a16:creationId xmlns:a16="http://schemas.microsoft.com/office/drawing/2014/main" id="{C45F737B-97F6-4D71-80E3-AFFDFF3FC539}"/>
            </a:ext>
          </a:extLst>
        </xdr:cNvPr>
        <xdr:cNvPicPr>
          <a:picLocks noChangeAspect="1"/>
        </xdr:cNvPicPr>
      </xdr:nvPicPr>
      <xdr:blipFill>
        <a:blip xmlns:r="http://schemas.openxmlformats.org/officeDocument/2006/relationships" r:embed="rId116" cstate="email">
          <a:extLst>
            <a:ext uri="{28A0092B-C50C-407E-A947-70E740481C1C}">
              <a14:useLocalDpi xmlns:a14="http://schemas.microsoft.com/office/drawing/2010/main"/>
            </a:ext>
          </a:extLst>
        </a:blip>
        <a:stretch>
          <a:fillRect/>
        </a:stretch>
      </xdr:blipFill>
      <xdr:spPr>
        <a:xfrm>
          <a:off x="16558895" y="697865"/>
          <a:ext cx="1383665" cy="606425"/>
        </a:xfrm>
        <a:prstGeom prst="rect">
          <a:avLst/>
        </a:prstGeom>
      </xdr:spPr>
    </xdr:pic>
    <xdr:clientData/>
  </xdr:twoCellAnchor>
  <xdr:twoCellAnchor>
    <xdr:from>
      <xdr:col>16</xdr:col>
      <xdr:colOff>110490</xdr:colOff>
      <xdr:row>2</xdr:row>
      <xdr:rowOff>379730</xdr:rowOff>
    </xdr:from>
    <xdr:to>
      <xdr:col>16</xdr:col>
      <xdr:colOff>1101725</xdr:colOff>
      <xdr:row>2</xdr:row>
      <xdr:rowOff>879475</xdr:rowOff>
    </xdr:to>
    <xdr:pic>
      <xdr:nvPicPr>
        <xdr:cNvPr id="161" name="Picture 2">
          <a:extLst>
            <a:ext uri="{FF2B5EF4-FFF2-40B4-BE49-F238E27FC236}">
              <a16:creationId xmlns:a16="http://schemas.microsoft.com/office/drawing/2014/main" id="{A6D0F8E4-F88C-4B48-80F6-EAF746CE6FB0}"/>
            </a:ext>
          </a:extLst>
        </xdr:cNvPr>
        <xdr:cNvPicPr>
          <a:picLocks noChangeAspect="1" noChangeArrowheads="1"/>
        </xdr:cNvPicPr>
      </xdr:nvPicPr>
      <xdr:blipFill>
        <a:blip xmlns:r="http://schemas.openxmlformats.org/officeDocument/2006/relationships" r:embed="rId117" cstate="email">
          <a:lum contrast="10000"/>
          <a:extLst>
            <a:ext uri="{28A0092B-C50C-407E-A947-70E740481C1C}">
              <a14:useLocalDpi xmlns:a14="http://schemas.microsoft.com/office/drawing/2010/main"/>
            </a:ext>
          </a:extLst>
        </a:blip>
        <a:srcRect/>
        <a:stretch>
          <a:fillRect/>
        </a:stretch>
      </xdr:blipFill>
      <xdr:spPr bwMode="auto">
        <a:xfrm>
          <a:off x="19179540" y="754380"/>
          <a:ext cx="991235" cy="499745"/>
        </a:xfrm>
        <a:prstGeom prst="rect">
          <a:avLst/>
        </a:prstGeom>
        <a:noFill/>
        <a:ln w="9525">
          <a:noFill/>
          <a:miter lim="800000"/>
          <a:headEnd/>
          <a:tailEnd/>
        </a:ln>
        <a:effec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2</xdr:col>
      <xdr:colOff>199382</xdr:colOff>
      <xdr:row>20</xdr:row>
      <xdr:rowOff>51956</xdr:rowOff>
    </xdr:from>
    <xdr:to>
      <xdr:col>2</xdr:col>
      <xdr:colOff>1335809</xdr:colOff>
      <xdr:row>21</xdr:row>
      <xdr:rowOff>254002</xdr:rowOff>
    </xdr:to>
    <xdr:pic>
      <xdr:nvPicPr>
        <xdr:cNvPr id="2" name="Picture 1">
          <a:extLst>
            <a:ext uri="{FF2B5EF4-FFF2-40B4-BE49-F238E27FC236}">
              <a16:creationId xmlns:a16="http://schemas.microsoft.com/office/drawing/2014/main" id="{AA25308F-CAED-4C1F-BFC6-2AA31770EAAC}"/>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bwMode="auto">
        <a:xfrm>
          <a:off x="2186932" y="7049656"/>
          <a:ext cx="1136427" cy="77989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43824</xdr:colOff>
      <xdr:row>5</xdr:row>
      <xdr:rowOff>98778</xdr:rowOff>
    </xdr:from>
    <xdr:to>
      <xdr:col>2</xdr:col>
      <xdr:colOff>1184897</xdr:colOff>
      <xdr:row>8</xdr:row>
      <xdr:rowOff>134057</xdr:rowOff>
    </xdr:to>
    <xdr:pic>
      <xdr:nvPicPr>
        <xdr:cNvPr id="3" name="Picture 2">
          <a:extLst>
            <a:ext uri="{FF2B5EF4-FFF2-40B4-BE49-F238E27FC236}">
              <a16:creationId xmlns:a16="http://schemas.microsoft.com/office/drawing/2014/main" id="{BC84B5EC-B005-4DD3-9B5C-90A5324E786B}"/>
            </a:ext>
          </a:extLst>
        </xdr:cNvPr>
        <xdr:cNvPicPr>
          <a:picLocks noChangeAspect="1" noChangeArrowheads="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bwMode="auto">
        <a:xfrm>
          <a:off x="2331374" y="1076678"/>
          <a:ext cx="841073" cy="56867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39516</xdr:colOff>
      <xdr:row>2</xdr:row>
      <xdr:rowOff>0</xdr:rowOff>
    </xdr:from>
    <xdr:to>
      <xdr:col>2</xdr:col>
      <xdr:colOff>1101436</xdr:colOff>
      <xdr:row>5</xdr:row>
      <xdr:rowOff>59522</xdr:rowOff>
    </xdr:to>
    <xdr:pic>
      <xdr:nvPicPr>
        <xdr:cNvPr id="4" name="Picture 3">
          <a:extLst>
            <a:ext uri="{FF2B5EF4-FFF2-40B4-BE49-F238E27FC236}">
              <a16:creationId xmlns:a16="http://schemas.microsoft.com/office/drawing/2014/main" id="{9C7D5F58-D9DB-4CD9-987D-01B469D17A57}"/>
            </a:ext>
          </a:extLst>
        </xdr:cNvPr>
        <xdr:cNvPicPr>
          <a:picLocks noChangeAspect="1" noChangeArrowheads="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bwMode="auto">
        <a:xfrm>
          <a:off x="2227066" y="444500"/>
          <a:ext cx="861920" cy="59292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73458</xdr:colOff>
      <xdr:row>29</xdr:row>
      <xdr:rowOff>40408</xdr:rowOff>
    </xdr:from>
    <xdr:to>
      <xdr:col>2</xdr:col>
      <xdr:colOff>1275818</xdr:colOff>
      <xdr:row>36</xdr:row>
      <xdr:rowOff>148591</xdr:rowOff>
    </xdr:to>
    <xdr:pic>
      <xdr:nvPicPr>
        <xdr:cNvPr id="5" name="图片 2">
          <a:extLst>
            <a:ext uri="{FF2B5EF4-FFF2-40B4-BE49-F238E27FC236}">
              <a16:creationId xmlns:a16="http://schemas.microsoft.com/office/drawing/2014/main" id="{8C062515-283D-436B-81E9-9E450537C5F2}"/>
            </a:ext>
          </a:extLst>
        </xdr:cNvPr>
        <xdr:cNvPicPr>
          <a:picLocks noChangeAspect="1"/>
        </xdr:cNvPicPr>
      </xdr:nvPicPr>
      <xdr:blipFill rotWithShape="1">
        <a:blip xmlns:r="http://schemas.openxmlformats.org/officeDocument/2006/relationships" r:embed="rId4" cstate="email">
          <a:extLst>
            <a:ext uri="{28A0092B-C50C-407E-A947-70E740481C1C}">
              <a14:useLocalDpi xmlns:a14="http://schemas.microsoft.com/office/drawing/2010/main"/>
            </a:ext>
          </a:extLst>
        </a:blip>
        <a:srcRect/>
        <a:stretch/>
      </xdr:blipFill>
      <xdr:spPr>
        <a:xfrm>
          <a:off x="2161008" y="9901958"/>
          <a:ext cx="1102360" cy="1352783"/>
        </a:xfrm>
        <a:prstGeom prst="rect">
          <a:avLst/>
        </a:prstGeom>
      </xdr:spPr>
    </xdr:pic>
    <xdr:clientData/>
  </xdr:twoCellAnchor>
  <xdr:twoCellAnchor editAs="oneCell">
    <xdr:from>
      <xdr:col>2</xdr:col>
      <xdr:colOff>467589</xdr:colOff>
      <xdr:row>9</xdr:row>
      <xdr:rowOff>72934</xdr:rowOff>
    </xdr:from>
    <xdr:to>
      <xdr:col>2</xdr:col>
      <xdr:colOff>862444</xdr:colOff>
      <xdr:row>9</xdr:row>
      <xdr:rowOff>343476</xdr:rowOff>
    </xdr:to>
    <xdr:pic>
      <xdr:nvPicPr>
        <xdr:cNvPr id="6" name="Picture 5">
          <a:extLst>
            <a:ext uri="{FF2B5EF4-FFF2-40B4-BE49-F238E27FC236}">
              <a16:creationId xmlns:a16="http://schemas.microsoft.com/office/drawing/2014/main" id="{28FE91EE-518E-48BB-BAFA-FFD60177ADCE}"/>
            </a:ext>
          </a:extLst>
        </xdr:cNvPr>
        <xdr:cNvPicPr>
          <a:picLocks noChangeAspect="1" noChangeArrowheads="1"/>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bwMode="auto">
        <a:xfrm>
          <a:off x="2455139" y="1762034"/>
          <a:ext cx="394855" cy="27054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67591</xdr:colOff>
      <xdr:row>11</xdr:row>
      <xdr:rowOff>66313</xdr:rowOff>
    </xdr:from>
    <xdr:to>
      <xdr:col>2</xdr:col>
      <xdr:colOff>879763</xdr:colOff>
      <xdr:row>11</xdr:row>
      <xdr:rowOff>348671</xdr:rowOff>
    </xdr:to>
    <xdr:pic>
      <xdr:nvPicPr>
        <xdr:cNvPr id="7" name="Picture 6">
          <a:extLst>
            <a:ext uri="{FF2B5EF4-FFF2-40B4-BE49-F238E27FC236}">
              <a16:creationId xmlns:a16="http://schemas.microsoft.com/office/drawing/2014/main" id="{12DEB2FD-3E8C-474B-A501-52F3C0127F9E}"/>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a:ext>
          </a:extLst>
        </a:blip>
        <a:srcRect/>
        <a:stretch>
          <a:fillRect/>
        </a:stretch>
      </xdr:blipFill>
      <xdr:spPr bwMode="auto">
        <a:xfrm>
          <a:off x="2455141" y="2580913"/>
          <a:ext cx="412172" cy="28235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49242</xdr:colOff>
      <xdr:row>12</xdr:row>
      <xdr:rowOff>57727</xdr:rowOff>
    </xdr:from>
    <xdr:to>
      <xdr:col>2</xdr:col>
      <xdr:colOff>949037</xdr:colOff>
      <xdr:row>12</xdr:row>
      <xdr:rowOff>400051</xdr:rowOff>
    </xdr:to>
    <xdr:pic>
      <xdr:nvPicPr>
        <xdr:cNvPr id="8" name="Picture 7">
          <a:extLst>
            <a:ext uri="{FF2B5EF4-FFF2-40B4-BE49-F238E27FC236}">
              <a16:creationId xmlns:a16="http://schemas.microsoft.com/office/drawing/2014/main" id="{94B9D987-4C6A-4DF4-8323-9530CCEC764E}"/>
            </a:ext>
          </a:extLst>
        </xdr:cNvPr>
        <xdr:cNvPicPr>
          <a:picLocks noChangeAspect="1" noChangeArrowheads="1"/>
        </xdr:cNvPicPr>
      </xdr:nvPicPr>
      <xdr:blipFill>
        <a:blip xmlns:r="http://schemas.openxmlformats.org/officeDocument/2006/relationships" r:embed="rId7" cstate="email">
          <a:extLst>
            <a:ext uri="{28A0092B-C50C-407E-A947-70E740481C1C}">
              <a14:useLocalDpi xmlns:a14="http://schemas.microsoft.com/office/drawing/2010/main"/>
            </a:ext>
          </a:extLst>
        </a:blip>
        <a:srcRect/>
        <a:stretch>
          <a:fillRect/>
        </a:stretch>
      </xdr:blipFill>
      <xdr:spPr bwMode="auto">
        <a:xfrm>
          <a:off x="2436792" y="2985077"/>
          <a:ext cx="499795" cy="3423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409864</xdr:colOff>
      <xdr:row>13</xdr:row>
      <xdr:rowOff>70495</xdr:rowOff>
    </xdr:from>
    <xdr:to>
      <xdr:col>2</xdr:col>
      <xdr:colOff>908628</xdr:colOff>
      <xdr:row>13</xdr:row>
      <xdr:rowOff>412173</xdr:rowOff>
    </xdr:to>
    <xdr:pic>
      <xdr:nvPicPr>
        <xdr:cNvPr id="9" name="Picture 8">
          <a:extLst>
            <a:ext uri="{FF2B5EF4-FFF2-40B4-BE49-F238E27FC236}">
              <a16:creationId xmlns:a16="http://schemas.microsoft.com/office/drawing/2014/main" id="{A018860F-9148-45B4-8599-D7E57B0CF039}"/>
            </a:ext>
          </a:extLst>
        </xdr:cNvPr>
        <xdr:cNvPicPr>
          <a:picLocks noChangeAspect="1" noChangeArrowheads="1"/>
        </xdr:cNvPicPr>
      </xdr:nvPicPr>
      <xdr:blipFill>
        <a:blip xmlns:r="http://schemas.openxmlformats.org/officeDocument/2006/relationships" r:embed="rId8" cstate="email">
          <a:extLst>
            <a:ext uri="{28A0092B-C50C-407E-A947-70E740481C1C}">
              <a14:useLocalDpi xmlns:a14="http://schemas.microsoft.com/office/drawing/2010/main"/>
            </a:ext>
          </a:extLst>
        </a:blip>
        <a:srcRect/>
        <a:stretch>
          <a:fillRect/>
        </a:stretch>
      </xdr:blipFill>
      <xdr:spPr bwMode="auto">
        <a:xfrm>
          <a:off x="2397414" y="3410595"/>
          <a:ext cx="498764" cy="34167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8318</xdr:colOff>
      <xdr:row>14</xdr:row>
      <xdr:rowOff>36842</xdr:rowOff>
    </xdr:from>
    <xdr:to>
      <xdr:col>2</xdr:col>
      <xdr:colOff>920173</xdr:colOff>
      <xdr:row>14</xdr:row>
      <xdr:rowOff>394276</xdr:rowOff>
    </xdr:to>
    <xdr:pic>
      <xdr:nvPicPr>
        <xdr:cNvPr id="10" name="Picture 9">
          <a:extLst>
            <a:ext uri="{FF2B5EF4-FFF2-40B4-BE49-F238E27FC236}">
              <a16:creationId xmlns:a16="http://schemas.microsoft.com/office/drawing/2014/main" id="{39667A3D-1F09-48BC-8549-26CA4CAA6FDD}"/>
            </a:ext>
          </a:extLst>
        </xdr:cNvPr>
        <xdr:cNvPicPr>
          <a:picLocks noChangeAspect="1" noChangeArrowheads="1"/>
        </xdr:cNvPicPr>
      </xdr:nvPicPr>
      <xdr:blipFill>
        <a:blip xmlns:r="http://schemas.openxmlformats.org/officeDocument/2006/relationships" r:embed="rId9" cstate="email">
          <a:extLst>
            <a:ext uri="{28A0092B-C50C-407E-A947-70E740481C1C}">
              <a14:useLocalDpi xmlns:a14="http://schemas.microsoft.com/office/drawing/2010/main"/>
            </a:ext>
          </a:extLst>
        </a:blip>
        <a:srcRect/>
        <a:stretch>
          <a:fillRect/>
        </a:stretch>
      </xdr:blipFill>
      <xdr:spPr bwMode="auto">
        <a:xfrm>
          <a:off x="2385868" y="3789692"/>
          <a:ext cx="521855" cy="35743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82</xdr:row>
      <xdr:rowOff>0</xdr:rowOff>
    </xdr:from>
    <xdr:to>
      <xdr:col>10</xdr:col>
      <xdr:colOff>9525</xdr:colOff>
      <xdr:row>82</xdr:row>
      <xdr:rowOff>9525</xdr:rowOff>
    </xdr:to>
    <xdr:pic>
      <xdr:nvPicPr>
        <xdr:cNvPr id="11" name="图片 2" descr="C:\Users\lw7435\AppData\Roaming\Foxmail7\Temp-5892-20190527081204\Attach\ecblank(05-27-08-19-56).gif">
          <a:extLst>
            <a:ext uri="{FF2B5EF4-FFF2-40B4-BE49-F238E27FC236}">
              <a16:creationId xmlns:a16="http://schemas.microsoft.com/office/drawing/2014/main" id="{5142EDA5-8F46-4302-B327-DE53B9613248}"/>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82</xdr:row>
      <xdr:rowOff>0</xdr:rowOff>
    </xdr:from>
    <xdr:to>
      <xdr:col>10</xdr:col>
      <xdr:colOff>9525</xdr:colOff>
      <xdr:row>82</xdr:row>
      <xdr:rowOff>9525</xdr:rowOff>
    </xdr:to>
    <xdr:pic>
      <xdr:nvPicPr>
        <xdr:cNvPr id="12" name="图片 6" descr="C:\Users\lw7435\AppData\Roaming\Foxmail7\Temp-5892-20190527081204\Attach\ecblank(05-27-08-19-56).gif">
          <a:extLst>
            <a:ext uri="{FF2B5EF4-FFF2-40B4-BE49-F238E27FC236}">
              <a16:creationId xmlns:a16="http://schemas.microsoft.com/office/drawing/2014/main" id="{61305154-E353-4273-A809-8B2E4DCBC2EA}"/>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10</xdr:col>
      <xdr:colOff>0</xdr:colOff>
      <xdr:row>82</xdr:row>
      <xdr:rowOff>0</xdr:rowOff>
    </xdr:from>
    <xdr:ext cx="9525" cy="9525"/>
    <xdr:pic>
      <xdr:nvPicPr>
        <xdr:cNvPr id="13" name="图片 2" descr="C:\Users\lw7435\AppData\Roaming\Foxmail7\Temp-5892-20190527081204\Attach\ecblank(05-27-08-19-56).gif">
          <a:extLst>
            <a:ext uri="{FF2B5EF4-FFF2-40B4-BE49-F238E27FC236}">
              <a16:creationId xmlns:a16="http://schemas.microsoft.com/office/drawing/2014/main" id="{045801D0-924A-4675-9164-2C75BA7BB0D2}"/>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10</xdr:col>
      <xdr:colOff>0</xdr:colOff>
      <xdr:row>82</xdr:row>
      <xdr:rowOff>0</xdr:rowOff>
    </xdr:from>
    <xdr:ext cx="9525" cy="9525"/>
    <xdr:pic>
      <xdr:nvPicPr>
        <xdr:cNvPr id="14" name="图片 6" descr="C:\Users\lw7435\AppData\Roaming\Foxmail7\Temp-5892-20190527081204\Attach\ecblank(05-27-08-19-56).gif">
          <a:extLst>
            <a:ext uri="{FF2B5EF4-FFF2-40B4-BE49-F238E27FC236}">
              <a16:creationId xmlns:a16="http://schemas.microsoft.com/office/drawing/2014/main" id="{90E96011-BEC4-4E63-AC01-B020DE5C37D7}"/>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editAs="oneCell">
    <xdr:from>
      <xdr:col>10</xdr:col>
      <xdr:colOff>0</xdr:colOff>
      <xdr:row>82</xdr:row>
      <xdr:rowOff>0</xdr:rowOff>
    </xdr:from>
    <xdr:to>
      <xdr:col>10</xdr:col>
      <xdr:colOff>9525</xdr:colOff>
      <xdr:row>82</xdr:row>
      <xdr:rowOff>9525</xdr:rowOff>
    </xdr:to>
    <xdr:pic>
      <xdr:nvPicPr>
        <xdr:cNvPr id="15" name="图片 11" descr="C:\Users\lw7435\AppData\Roaming\Foxmail7\Temp-5892-20190527081204\Attach\ecblank(05-27-08-19-56).gif">
          <a:extLst>
            <a:ext uri="{FF2B5EF4-FFF2-40B4-BE49-F238E27FC236}">
              <a16:creationId xmlns:a16="http://schemas.microsoft.com/office/drawing/2014/main" id="{7F5E29F8-1EA8-4784-8076-F363CAE8EA40}"/>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82</xdr:row>
      <xdr:rowOff>0</xdr:rowOff>
    </xdr:from>
    <xdr:to>
      <xdr:col>10</xdr:col>
      <xdr:colOff>9525</xdr:colOff>
      <xdr:row>82</xdr:row>
      <xdr:rowOff>9525</xdr:rowOff>
    </xdr:to>
    <xdr:pic>
      <xdr:nvPicPr>
        <xdr:cNvPr id="16" name="图片 15" descr="C:\Users\lw7435\AppData\Roaming\Foxmail7\Temp-5892-20190527081204\Attach\ecblank(05-27-08-19-56).gif">
          <a:extLst>
            <a:ext uri="{FF2B5EF4-FFF2-40B4-BE49-F238E27FC236}">
              <a16:creationId xmlns:a16="http://schemas.microsoft.com/office/drawing/2014/main" id="{81BD808D-7030-482C-B09E-0EBC19BCCB3E}"/>
            </a:ext>
          </a:extLst>
        </xdr:cNvPr>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a:xfrm>
          <a:off x="11404600" y="2687320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71318</xdr:colOff>
      <xdr:row>16</xdr:row>
      <xdr:rowOff>126295</xdr:rowOff>
    </xdr:from>
    <xdr:to>
      <xdr:col>2</xdr:col>
      <xdr:colOff>1286162</xdr:colOff>
      <xdr:row>16</xdr:row>
      <xdr:rowOff>750453</xdr:rowOff>
    </xdr:to>
    <xdr:pic>
      <xdr:nvPicPr>
        <xdr:cNvPr id="17" name="Picture 16">
          <a:extLst>
            <a:ext uri="{FF2B5EF4-FFF2-40B4-BE49-F238E27FC236}">
              <a16:creationId xmlns:a16="http://schemas.microsoft.com/office/drawing/2014/main" id="{3B0ECC6C-C943-45F5-83A6-D193041E9529}"/>
            </a:ext>
          </a:extLst>
        </xdr:cNvPr>
        <xdr:cNvPicPr>
          <a:picLocks noChangeAspect="1" noChangeArrowheads="1"/>
        </xdr:cNvPicPr>
      </xdr:nvPicPr>
      <xdr:blipFill>
        <a:blip xmlns:r="http://schemas.openxmlformats.org/officeDocument/2006/relationships" r:embed="rId11" cstate="email">
          <a:extLst>
            <a:ext uri="{28A0092B-C50C-407E-A947-70E740481C1C}">
              <a14:useLocalDpi xmlns:a14="http://schemas.microsoft.com/office/drawing/2010/main"/>
            </a:ext>
          </a:extLst>
        </a:blip>
        <a:srcRect/>
        <a:stretch>
          <a:fillRect/>
        </a:stretch>
      </xdr:blipFill>
      <xdr:spPr bwMode="auto">
        <a:xfrm>
          <a:off x="2258868" y="4469695"/>
          <a:ext cx="1014844" cy="624158"/>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42453</xdr:colOff>
      <xdr:row>18</xdr:row>
      <xdr:rowOff>80230</xdr:rowOff>
    </xdr:from>
    <xdr:to>
      <xdr:col>2</xdr:col>
      <xdr:colOff>1320220</xdr:colOff>
      <xdr:row>18</xdr:row>
      <xdr:rowOff>726785</xdr:rowOff>
    </xdr:to>
    <xdr:pic>
      <xdr:nvPicPr>
        <xdr:cNvPr id="18" name="Picture 17">
          <a:extLst>
            <a:ext uri="{FF2B5EF4-FFF2-40B4-BE49-F238E27FC236}">
              <a16:creationId xmlns:a16="http://schemas.microsoft.com/office/drawing/2014/main" id="{30570C60-ABEC-4F9A-B07C-824DFE95E2F3}"/>
            </a:ext>
          </a:extLst>
        </xdr:cNvPr>
        <xdr:cNvPicPr>
          <a:picLocks noChangeAspect="1" noChangeArrowheads="1"/>
        </xdr:cNvPicPr>
      </xdr:nvPicPr>
      <xdr:blipFill>
        <a:blip xmlns:r="http://schemas.openxmlformats.org/officeDocument/2006/relationships" r:embed="rId12" cstate="email">
          <a:extLst>
            <a:ext uri="{28A0092B-C50C-407E-A947-70E740481C1C}">
              <a14:useLocalDpi xmlns:a14="http://schemas.microsoft.com/office/drawing/2010/main"/>
            </a:ext>
          </a:extLst>
        </a:blip>
        <a:srcRect/>
        <a:stretch>
          <a:fillRect/>
        </a:stretch>
      </xdr:blipFill>
      <xdr:spPr bwMode="auto">
        <a:xfrm>
          <a:off x="2230003" y="6074630"/>
          <a:ext cx="1077767" cy="64655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96273</xdr:colOff>
      <xdr:row>71</xdr:row>
      <xdr:rowOff>63500</xdr:rowOff>
    </xdr:from>
    <xdr:to>
      <xdr:col>2</xdr:col>
      <xdr:colOff>1241137</xdr:colOff>
      <xdr:row>71</xdr:row>
      <xdr:rowOff>427182</xdr:rowOff>
    </xdr:to>
    <xdr:pic>
      <xdr:nvPicPr>
        <xdr:cNvPr id="19" name="图片 4">
          <a:extLst>
            <a:ext uri="{FF2B5EF4-FFF2-40B4-BE49-F238E27FC236}">
              <a16:creationId xmlns:a16="http://schemas.microsoft.com/office/drawing/2014/main" id="{272EF674-0801-4872-A1DC-BFD771AC9F40}"/>
            </a:ext>
          </a:extLst>
        </xdr:cNvPr>
        <xdr:cNvPicPr/>
      </xdr:nvPicPr>
      <xdr:blipFill>
        <a:blip xmlns:r="http://schemas.openxmlformats.org/officeDocument/2006/relationships" r:embed="rId13" cstate="email">
          <a:extLst>
            <a:ext uri="{28A0092B-C50C-407E-A947-70E740481C1C}">
              <a14:useLocalDpi xmlns:a14="http://schemas.microsoft.com/office/drawing/2010/main"/>
            </a:ext>
          </a:extLst>
        </a:blip>
        <a:srcRect/>
        <a:stretch>
          <a:fillRect/>
        </a:stretch>
      </xdr:blipFill>
      <xdr:spPr bwMode="auto">
        <a:xfrm>
          <a:off x="2183823" y="23247350"/>
          <a:ext cx="1044864" cy="363682"/>
        </a:xfrm>
        <a:prstGeom prst="rect">
          <a:avLst/>
        </a:prstGeom>
        <a:noFill/>
        <a:ln>
          <a:noFill/>
        </a:ln>
      </xdr:spPr>
    </xdr:pic>
    <xdr:clientData/>
  </xdr:twoCellAnchor>
  <xdr:twoCellAnchor editAs="oneCell">
    <xdr:from>
      <xdr:col>2</xdr:col>
      <xdr:colOff>393602</xdr:colOff>
      <xdr:row>69</xdr:row>
      <xdr:rowOff>46182</xdr:rowOff>
    </xdr:from>
    <xdr:to>
      <xdr:col>2</xdr:col>
      <xdr:colOff>1140111</xdr:colOff>
      <xdr:row>70</xdr:row>
      <xdr:rowOff>311727</xdr:rowOff>
    </xdr:to>
    <xdr:pic>
      <xdr:nvPicPr>
        <xdr:cNvPr id="20" name="Picture 19">
          <a:extLst>
            <a:ext uri="{FF2B5EF4-FFF2-40B4-BE49-F238E27FC236}">
              <a16:creationId xmlns:a16="http://schemas.microsoft.com/office/drawing/2014/main" id="{7111EA54-93C0-4385-A35B-999E3E39B759}"/>
            </a:ext>
          </a:extLst>
        </xdr:cNvPr>
        <xdr:cNvPicPr>
          <a:picLocks noChangeAspect="1" noChangeArrowheads="1"/>
        </xdr:cNvPicPr>
      </xdr:nvPicPr>
      <xdr:blipFill>
        <a:blip xmlns:r="http://schemas.openxmlformats.org/officeDocument/2006/relationships" r:embed="rId14" cstate="email">
          <a:extLst>
            <a:ext uri="{28A0092B-C50C-407E-A947-70E740481C1C}">
              <a14:useLocalDpi xmlns:a14="http://schemas.microsoft.com/office/drawing/2010/main"/>
            </a:ext>
          </a:extLst>
        </a:blip>
        <a:srcRect/>
        <a:stretch>
          <a:fillRect/>
        </a:stretch>
      </xdr:blipFill>
      <xdr:spPr bwMode="auto">
        <a:xfrm>
          <a:off x="2381152" y="22468032"/>
          <a:ext cx="746509" cy="62114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271318</xdr:colOff>
      <xdr:row>72</xdr:row>
      <xdr:rowOff>154683</xdr:rowOff>
    </xdr:from>
    <xdr:to>
      <xdr:col>2</xdr:col>
      <xdr:colOff>1287319</xdr:colOff>
      <xdr:row>75</xdr:row>
      <xdr:rowOff>278931</xdr:rowOff>
    </xdr:to>
    <xdr:pic>
      <xdr:nvPicPr>
        <xdr:cNvPr id="21" name="Picture 20">
          <a:extLst>
            <a:ext uri="{FF2B5EF4-FFF2-40B4-BE49-F238E27FC236}">
              <a16:creationId xmlns:a16="http://schemas.microsoft.com/office/drawing/2014/main" id="{0D5C922A-B471-4BBA-BF4B-5281C38479BE}"/>
            </a:ext>
          </a:extLst>
        </xdr:cNvPr>
        <xdr:cNvPicPr>
          <a:picLocks noChangeAspect="1" noChangeArrowheads="1"/>
        </xdr:cNvPicPr>
      </xdr:nvPicPr>
      <xdr:blipFill>
        <a:blip xmlns:r="http://schemas.openxmlformats.org/officeDocument/2006/relationships" r:embed="rId15" cstate="email">
          <a:extLst>
            <a:ext uri="{28A0092B-C50C-407E-A947-70E740481C1C}">
              <a14:useLocalDpi xmlns:a14="http://schemas.microsoft.com/office/drawing/2010/main"/>
            </a:ext>
          </a:extLst>
        </a:blip>
        <a:srcRect/>
        <a:stretch>
          <a:fillRect/>
        </a:stretch>
      </xdr:blipFill>
      <xdr:spPr bwMode="auto">
        <a:xfrm>
          <a:off x="2258868" y="23916383"/>
          <a:ext cx="1016001" cy="108309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96273</xdr:colOff>
      <xdr:row>62</xdr:row>
      <xdr:rowOff>34636</xdr:rowOff>
    </xdr:from>
    <xdr:to>
      <xdr:col>2</xdr:col>
      <xdr:colOff>1229533</xdr:colOff>
      <xdr:row>66</xdr:row>
      <xdr:rowOff>83416</xdr:rowOff>
    </xdr:to>
    <xdr:pic>
      <xdr:nvPicPr>
        <xdr:cNvPr id="22" name="图片 3">
          <a:extLst>
            <a:ext uri="{FF2B5EF4-FFF2-40B4-BE49-F238E27FC236}">
              <a16:creationId xmlns:a16="http://schemas.microsoft.com/office/drawing/2014/main" id="{530E4E8B-CC30-41D9-B7E2-F69A1E324652}"/>
            </a:ext>
          </a:extLst>
        </xdr:cNvPr>
        <xdr:cNvPicPr/>
      </xdr:nvPicPr>
      <xdr:blipFill>
        <a:blip xmlns:r="http://schemas.openxmlformats.org/officeDocument/2006/relationships" r:embed="rId16" cstate="email">
          <a:extLst>
            <a:ext uri="{28A0092B-C50C-407E-A947-70E740481C1C}">
              <a14:useLocalDpi xmlns:a14="http://schemas.microsoft.com/office/drawing/2010/main"/>
            </a:ext>
          </a:extLst>
        </a:blip>
        <a:stretch>
          <a:fillRect/>
        </a:stretch>
      </xdr:blipFill>
      <xdr:spPr>
        <a:xfrm>
          <a:off x="2183823" y="21122986"/>
          <a:ext cx="1033260" cy="810780"/>
        </a:xfrm>
        <a:prstGeom prst="rect">
          <a:avLst/>
        </a:prstGeom>
      </xdr:spPr>
    </xdr:pic>
    <xdr:clientData/>
  </xdr:twoCellAnchor>
  <xdr:twoCellAnchor editAs="oneCell">
    <xdr:from>
      <xdr:col>2</xdr:col>
      <xdr:colOff>334819</xdr:colOff>
      <xdr:row>9</xdr:row>
      <xdr:rowOff>409864</xdr:rowOff>
    </xdr:from>
    <xdr:to>
      <xdr:col>2</xdr:col>
      <xdr:colOff>1004456</xdr:colOff>
      <xdr:row>10</xdr:row>
      <xdr:rowOff>398318</xdr:rowOff>
    </xdr:to>
    <xdr:pic>
      <xdr:nvPicPr>
        <xdr:cNvPr id="23" name="图片 18" descr="C:\Users\l03714\AppData\Local\Temp\notesE97E9E\IMG_0453.png">
          <a:extLst>
            <a:ext uri="{FF2B5EF4-FFF2-40B4-BE49-F238E27FC236}">
              <a16:creationId xmlns:a16="http://schemas.microsoft.com/office/drawing/2014/main" id="{4EFF687B-E948-443F-839D-AB454E9088B1}"/>
            </a:ext>
          </a:extLst>
        </xdr:cNvPr>
        <xdr:cNvPicPr/>
      </xdr:nvPicPr>
      <xdr:blipFill>
        <a:blip xmlns:r="http://schemas.openxmlformats.org/officeDocument/2006/relationships" r:embed="rId17" cstate="email">
          <a:extLst>
            <a:ext uri="{28A0092B-C50C-407E-A947-70E740481C1C}">
              <a14:useLocalDpi xmlns:a14="http://schemas.microsoft.com/office/drawing/2010/main"/>
            </a:ext>
          </a:extLst>
        </a:blip>
        <a:srcRect/>
        <a:stretch>
          <a:fillRect/>
        </a:stretch>
      </xdr:blipFill>
      <xdr:spPr bwMode="auto">
        <a:xfrm>
          <a:off x="2322369" y="2098964"/>
          <a:ext cx="669637" cy="401204"/>
        </a:xfrm>
        <a:prstGeom prst="rect">
          <a:avLst/>
        </a:prstGeom>
        <a:noFill/>
        <a:ln>
          <a:noFill/>
        </a:ln>
      </xdr:spPr>
    </xdr:pic>
    <xdr:clientData/>
  </xdr:twoCellAnchor>
  <xdr:twoCellAnchor editAs="oneCell">
    <xdr:from>
      <xdr:col>2</xdr:col>
      <xdr:colOff>329046</xdr:colOff>
      <xdr:row>21</xdr:row>
      <xdr:rowOff>381000</xdr:rowOff>
    </xdr:from>
    <xdr:to>
      <xdr:col>2</xdr:col>
      <xdr:colOff>1258455</xdr:colOff>
      <xdr:row>22</xdr:row>
      <xdr:rowOff>565726</xdr:rowOff>
    </xdr:to>
    <xdr:pic>
      <xdr:nvPicPr>
        <xdr:cNvPr id="24" name="图片 15" descr="\\10.222.136.194\e\01-彩页\02 屏显设备\01-52拼接屏\海外\LCD拼接显示单元彩页海外实物.png">
          <a:extLst>
            <a:ext uri="{FF2B5EF4-FFF2-40B4-BE49-F238E27FC236}">
              <a16:creationId xmlns:a16="http://schemas.microsoft.com/office/drawing/2014/main" id="{A2DCE287-C8E0-43B8-9BD3-16DDFC23711A}"/>
            </a:ext>
          </a:extLst>
        </xdr:cNvPr>
        <xdr:cNvPicPr/>
      </xdr:nvPicPr>
      <xdr:blipFill>
        <a:blip xmlns:r="http://schemas.openxmlformats.org/officeDocument/2006/relationships" r:embed="rId18" cstate="email">
          <a:extLst>
            <a:ext uri="{28A0092B-C50C-407E-A947-70E740481C1C}">
              <a14:useLocalDpi xmlns:a14="http://schemas.microsoft.com/office/drawing/2010/main"/>
            </a:ext>
          </a:extLst>
        </a:blip>
        <a:srcRect/>
        <a:stretch>
          <a:fillRect/>
        </a:stretch>
      </xdr:blipFill>
      <xdr:spPr bwMode="auto">
        <a:xfrm>
          <a:off x="2316596" y="7956550"/>
          <a:ext cx="929409" cy="743526"/>
        </a:xfrm>
        <a:prstGeom prst="rect">
          <a:avLst/>
        </a:prstGeom>
        <a:noFill/>
        <a:ln>
          <a:noFill/>
        </a:ln>
      </xdr:spPr>
    </xdr:pic>
    <xdr:clientData/>
  </xdr:twoCellAnchor>
  <xdr:twoCellAnchor editAs="oneCell">
    <xdr:from>
      <xdr:col>2</xdr:col>
      <xdr:colOff>62141</xdr:colOff>
      <xdr:row>77</xdr:row>
      <xdr:rowOff>257605</xdr:rowOff>
    </xdr:from>
    <xdr:to>
      <xdr:col>2</xdr:col>
      <xdr:colOff>905743</xdr:colOff>
      <xdr:row>79</xdr:row>
      <xdr:rowOff>166407</xdr:rowOff>
    </xdr:to>
    <xdr:pic>
      <xdr:nvPicPr>
        <xdr:cNvPr id="25" name="Picture 2" descr="F:\Groupsystem\产品原图\西湖\西湖箱体+模组-B.png">
          <a:extLst>
            <a:ext uri="{FF2B5EF4-FFF2-40B4-BE49-F238E27FC236}">
              <a16:creationId xmlns:a16="http://schemas.microsoft.com/office/drawing/2014/main" id="{8EFFEDB6-7173-4BEE-8D64-3D12AA843941}"/>
            </a:ext>
          </a:extLst>
        </xdr:cNvPr>
        <xdr:cNvPicPr>
          <a:picLocks noChangeAspect="1" noChangeArrowheads="1"/>
        </xdr:cNvPicPr>
      </xdr:nvPicPr>
      <xdr:blipFill>
        <a:blip xmlns:r="http://schemas.openxmlformats.org/officeDocument/2006/relationships" r:embed="rId19" cstate="email">
          <a:extLst>
            <a:ext uri="{28A0092B-C50C-407E-A947-70E740481C1C}">
              <a14:useLocalDpi xmlns:a14="http://schemas.microsoft.com/office/drawing/2010/main"/>
            </a:ext>
          </a:extLst>
        </a:blip>
        <a:srcRect/>
        <a:stretch>
          <a:fillRect/>
        </a:stretch>
      </xdr:blipFill>
      <xdr:spPr bwMode="auto">
        <a:xfrm>
          <a:off x="2049691" y="25492505"/>
          <a:ext cx="843602" cy="63270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909456</xdr:colOff>
      <xdr:row>77</xdr:row>
      <xdr:rowOff>179162</xdr:rowOff>
    </xdr:from>
    <xdr:to>
      <xdr:col>2</xdr:col>
      <xdr:colOff>1358085</xdr:colOff>
      <xdr:row>79</xdr:row>
      <xdr:rowOff>221319</xdr:rowOff>
    </xdr:to>
    <xdr:pic>
      <xdr:nvPicPr>
        <xdr:cNvPr id="26" name="Picture 4" descr="F:\Groupsystem\产品原图\西湖系列\西湖.png">
          <a:extLst>
            <a:ext uri="{FF2B5EF4-FFF2-40B4-BE49-F238E27FC236}">
              <a16:creationId xmlns:a16="http://schemas.microsoft.com/office/drawing/2014/main" id="{66E6A507-559F-470C-B971-40B07E3D4632}"/>
            </a:ext>
          </a:extLst>
        </xdr:cNvPr>
        <xdr:cNvPicPr>
          <a:picLocks noChangeAspect="1" noChangeArrowheads="1"/>
        </xdr:cNvPicPr>
      </xdr:nvPicPr>
      <xdr:blipFill>
        <a:blip xmlns:r="http://schemas.openxmlformats.org/officeDocument/2006/relationships" r:embed="rId20" cstate="email">
          <a:extLst>
            <a:ext uri="{28A0092B-C50C-407E-A947-70E740481C1C}">
              <a14:useLocalDpi xmlns:a14="http://schemas.microsoft.com/office/drawing/2010/main"/>
            </a:ext>
          </a:extLst>
        </a:blip>
        <a:srcRect/>
        <a:stretch>
          <a:fillRect/>
        </a:stretch>
      </xdr:blipFill>
      <xdr:spPr bwMode="auto">
        <a:xfrm flipH="1">
          <a:off x="2897006" y="25414062"/>
          <a:ext cx="448629" cy="76605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6</xdr:col>
      <xdr:colOff>224120</xdr:colOff>
      <xdr:row>54</xdr:row>
      <xdr:rowOff>0</xdr:rowOff>
    </xdr:from>
    <xdr:to>
      <xdr:col>7</xdr:col>
      <xdr:colOff>175933</xdr:colOff>
      <xdr:row>54</xdr:row>
      <xdr:rowOff>2867</xdr:rowOff>
    </xdr:to>
    <xdr:pic>
      <xdr:nvPicPr>
        <xdr:cNvPr id="27" name="图片 1" descr="C:\Users\y02501\Desktop\L21BD_K-F.png">
          <a:extLst>
            <a:ext uri="{FF2B5EF4-FFF2-40B4-BE49-F238E27FC236}">
              <a16:creationId xmlns:a16="http://schemas.microsoft.com/office/drawing/2014/main" id="{B7B923D9-558F-4AC5-8796-BCA4FDE1B91F}"/>
            </a:ext>
          </a:extLst>
        </xdr:cNvPr>
        <xdr:cNvPicPr/>
      </xdr:nvPicPr>
      <xdr:blipFill>
        <a:blip xmlns:r="http://schemas.openxmlformats.org/officeDocument/2006/relationships" r:embed="rId21" cstate="print">
          <a:extLst>
            <a:ext uri="{28A0092B-C50C-407E-A947-70E740481C1C}">
              <a14:useLocalDpi xmlns:a14="http://schemas.microsoft.com/office/drawing/2010/main" val="0"/>
            </a:ext>
          </a:extLst>
        </a:blip>
        <a:srcRect/>
        <a:stretch>
          <a:fillRect/>
        </a:stretch>
      </xdr:blipFill>
      <xdr:spPr bwMode="auto">
        <a:xfrm>
          <a:off x="7977470" y="18865850"/>
          <a:ext cx="1082114" cy="2867"/>
        </a:xfrm>
        <a:prstGeom prst="rect">
          <a:avLst/>
        </a:prstGeom>
        <a:noFill/>
        <a:ln>
          <a:noFill/>
        </a:ln>
      </xdr:spPr>
    </xdr:pic>
    <xdr:clientData/>
  </xdr:twoCellAnchor>
  <xdr:twoCellAnchor editAs="oneCell">
    <xdr:from>
      <xdr:col>6</xdr:col>
      <xdr:colOff>224120</xdr:colOff>
      <xdr:row>54</xdr:row>
      <xdr:rowOff>0</xdr:rowOff>
    </xdr:from>
    <xdr:to>
      <xdr:col>7</xdr:col>
      <xdr:colOff>175933</xdr:colOff>
      <xdr:row>54</xdr:row>
      <xdr:rowOff>2867</xdr:rowOff>
    </xdr:to>
    <xdr:pic>
      <xdr:nvPicPr>
        <xdr:cNvPr id="28" name="图片 2" descr="C:\Users\y02501\Desktop\L21BD_K-F.png">
          <a:extLst>
            <a:ext uri="{FF2B5EF4-FFF2-40B4-BE49-F238E27FC236}">
              <a16:creationId xmlns:a16="http://schemas.microsoft.com/office/drawing/2014/main" id="{37C95F10-F84E-4B8C-9D2D-44FC09698162}"/>
            </a:ext>
          </a:extLst>
        </xdr:cNvPr>
        <xdr:cNvPicPr/>
      </xdr:nvPicPr>
      <xdr:blipFill>
        <a:blip xmlns:r="http://schemas.openxmlformats.org/officeDocument/2006/relationships" r:embed="rId21" cstate="print">
          <a:extLst>
            <a:ext uri="{28A0092B-C50C-407E-A947-70E740481C1C}">
              <a14:useLocalDpi xmlns:a14="http://schemas.microsoft.com/office/drawing/2010/main" val="0"/>
            </a:ext>
          </a:extLst>
        </a:blip>
        <a:srcRect/>
        <a:stretch>
          <a:fillRect/>
        </a:stretch>
      </xdr:blipFill>
      <xdr:spPr bwMode="auto">
        <a:xfrm>
          <a:off x="7977470" y="18865850"/>
          <a:ext cx="1082114" cy="2867"/>
        </a:xfrm>
        <a:prstGeom prst="rect">
          <a:avLst/>
        </a:prstGeom>
        <a:noFill/>
        <a:ln>
          <a:noFill/>
        </a:ln>
      </xdr:spPr>
    </xdr:pic>
    <xdr:clientData/>
  </xdr:twoCellAnchor>
  <xdr:twoCellAnchor editAs="oneCell">
    <xdr:from>
      <xdr:col>2</xdr:col>
      <xdr:colOff>317954</xdr:colOff>
      <xdr:row>42</xdr:row>
      <xdr:rowOff>107907</xdr:rowOff>
    </xdr:from>
    <xdr:to>
      <xdr:col>2</xdr:col>
      <xdr:colOff>1071803</xdr:colOff>
      <xdr:row>42</xdr:row>
      <xdr:rowOff>453478</xdr:rowOff>
    </xdr:to>
    <xdr:pic>
      <xdr:nvPicPr>
        <xdr:cNvPr id="30" name="Picture 5" descr="F:\Groupsystem\快速入门\解码拼控\310XXXXX-20191030-A8系列视频综合平台 快速入门-V1.00-中文\02-DMC8000\3U机箱\DCM8000-3U_F.png">
          <a:extLst>
            <a:ext uri="{FF2B5EF4-FFF2-40B4-BE49-F238E27FC236}">
              <a16:creationId xmlns:a16="http://schemas.microsoft.com/office/drawing/2014/main" id="{2545B223-A944-4C7A-BD9D-C4531250AACC}"/>
            </a:ext>
          </a:extLst>
        </xdr:cNvPr>
        <xdr:cNvPicPr>
          <a:picLocks noChangeAspect="1" noChangeArrowheads="1"/>
        </xdr:cNvPicPr>
      </xdr:nvPicPr>
      <xdr:blipFill>
        <a:blip xmlns:r="http://schemas.openxmlformats.org/officeDocument/2006/relationships" r:embed="rId22" cstate="email">
          <a:extLst>
            <a:ext uri="{28A0092B-C50C-407E-A947-70E740481C1C}">
              <a14:useLocalDpi xmlns:a14="http://schemas.microsoft.com/office/drawing/2010/main"/>
            </a:ext>
          </a:extLst>
        </a:blip>
        <a:srcRect/>
        <a:stretch>
          <a:fillRect/>
        </a:stretch>
      </xdr:blipFill>
      <xdr:spPr bwMode="auto">
        <a:xfrm>
          <a:off x="2305504" y="12280857"/>
          <a:ext cx="753849" cy="34557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47570</xdr:colOff>
      <xdr:row>43</xdr:row>
      <xdr:rowOff>59201</xdr:rowOff>
    </xdr:from>
    <xdr:to>
      <xdr:col>2</xdr:col>
      <xdr:colOff>1148275</xdr:colOff>
      <xdr:row>43</xdr:row>
      <xdr:rowOff>511850</xdr:rowOff>
    </xdr:to>
    <xdr:pic>
      <xdr:nvPicPr>
        <xdr:cNvPr id="31" name="Picture 3" descr="F:\Groupsystem\快速入门\解码拼控\310XXXXX-20191030-A8系列视频综合平台 快速入门-V1.00-中文\02-DMC8000\5U机箱\DCM8000-5U_F.png">
          <a:extLst>
            <a:ext uri="{FF2B5EF4-FFF2-40B4-BE49-F238E27FC236}">
              <a16:creationId xmlns:a16="http://schemas.microsoft.com/office/drawing/2014/main" id="{7EEB9365-7E3E-464B-A27B-4C221C43FF64}"/>
            </a:ext>
          </a:extLst>
        </xdr:cNvPr>
        <xdr:cNvPicPr>
          <a:picLocks noChangeAspect="1" noChangeArrowheads="1"/>
        </xdr:cNvPicPr>
      </xdr:nvPicPr>
      <xdr:blipFill>
        <a:blip xmlns:r="http://schemas.openxmlformats.org/officeDocument/2006/relationships" r:embed="rId23" cstate="email">
          <a:extLst>
            <a:ext uri="{28A0092B-C50C-407E-A947-70E740481C1C}">
              <a14:useLocalDpi xmlns:a14="http://schemas.microsoft.com/office/drawing/2010/main"/>
            </a:ext>
          </a:extLst>
        </a:blip>
        <a:srcRect/>
        <a:stretch>
          <a:fillRect/>
        </a:stretch>
      </xdr:blipFill>
      <xdr:spPr bwMode="auto">
        <a:xfrm>
          <a:off x="2335120" y="12873501"/>
          <a:ext cx="800705" cy="45264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80655</xdr:colOff>
      <xdr:row>44</xdr:row>
      <xdr:rowOff>141227</xdr:rowOff>
    </xdr:from>
    <xdr:to>
      <xdr:col>2</xdr:col>
      <xdr:colOff>1278405</xdr:colOff>
      <xdr:row>44</xdr:row>
      <xdr:rowOff>277733</xdr:rowOff>
    </xdr:to>
    <xdr:pic>
      <xdr:nvPicPr>
        <xdr:cNvPr id="32" name="图片 11">
          <a:extLst>
            <a:ext uri="{FF2B5EF4-FFF2-40B4-BE49-F238E27FC236}">
              <a16:creationId xmlns:a16="http://schemas.microsoft.com/office/drawing/2014/main" id="{0975CFED-ED15-45B3-AA4C-27B841670EE7}"/>
            </a:ext>
          </a:extLst>
        </xdr:cNvPr>
        <xdr:cNvPicPr>
          <a:picLocks noChangeAspect="1"/>
        </xdr:cNvPicPr>
      </xdr:nvPicPr>
      <xdr:blipFill>
        <a:blip xmlns:r="http://schemas.openxmlformats.org/officeDocument/2006/relationships" r:embed="rId24" cstate="email">
          <a:extLst>
            <a:ext uri="{28A0092B-C50C-407E-A947-70E740481C1C}">
              <a14:useLocalDpi xmlns:a14="http://schemas.microsoft.com/office/drawing/2010/main"/>
            </a:ext>
          </a:extLst>
        </a:blip>
        <a:stretch>
          <a:fillRect/>
        </a:stretch>
      </xdr:blipFill>
      <xdr:spPr>
        <a:xfrm>
          <a:off x="2168205" y="13527027"/>
          <a:ext cx="1097750" cy="136506"/>
        </a:xfrm>
        <a:prstGeom prst="rect">
          <a:avLst/>
        </a:prstGeom>
      </xdr:spPr>
    </xdr:pic>
    <xdr:clientData/>
  </xdr:twoCellAnchor>
  <xdr:twoCellAnchor editAs="oneCell">
    <xdr:from>
      <xdr:col>2</xdr:col>
      <xdr:colOff>193217</xdr:colOff>
      <xdr:row>45</xdr:row>
      <xdr:rowOff>150206</xdr:rowOff>
    </xdr:from>
    <xdr:to>
      <xdr:col>2</xdr:col>
      <xdr:colOff>1302377</xdr:colOff>
      <xdr:row>45</xdr:row>
      <xdr:rowOff>286713</xdr:rowOff>
    </xdr:to>
    <xdr:pic>
      <xdr:nvPicPr>
        <xdr:cNvPr id="33" name="图片 12">
          <a:extLst>
            <a:ext uri="{FF2B5EF4-FFF2-40B4-BE49-F238E27FC236}">
              <a16:creationId xmlns:a16="http://schemas.microsoft.com/office/drawing/2014/main" id="{7E63812B-3400-49FE-98F9-D7C2B65D82E5}"/>
            </a:ext>
          </a:extLst>
        </xdr:cNvPr>
        <xdr:cNvPicPr>
          <a:picLocks noChangeAspect="1"/>
        </xdr:cNvPicPr>
      </xdr:nvPicPr>
      <xdr:blipFill>
        <a:blip xmlns:r="http://schemas.openxmlformats.org/officeDocument/2006/relationships" r:embed="rId25" cstate="email">
          <a:extLst>
            <a:ext uri="{28A0092B-C50C-407E-A947-70E740481C1C}">
              <a14:useLocalDpi xmlns:a14="http://schemas.microsoft.com/office/drawing/2010/main"/>
            </a:ext>
          </a:extLst>
        </a:blip>
        <a:stretch>
          <a:fillRect/>
        </a:stretch>
      </xdr:blipFill>
      <xdr:spPr>
        <a:xfrm>
          <a:off x="2180767" y="13967806"/>
          <a:ext cx="1109160" cy="136507"/>
        </a:xfrm>
        <a:prstGeom prst="rect">
          <a:avLst/>
        </a:prstGeom>
      </xdr:spPr>
    </xdr:pic>
    <xdr:clientData/>
  </xdr:twoCellAnchor>
  <xdr:twoCellAnchor editAs="oneCell">
    <xdr:from>
      <xdr:col>2</xdr:col>
      <xdr:colOff>245815</xdr:colOff>
      <xdr:row>47</xdr:row>
      <xdr:rowOff>141943</xdr:rowOff>
    </xdr:from>
    <xdr:to>
      <xdr:col>2</xdr:col>
      <xdr:colOff>1283393</xdr:colOff>
      <xdr:row>47</xdr:row>
      <xdr:rowOff>317501</xdr:rowOff>
    </xdr:to>
    <xdr:pic>
      <xdr:nvPicPr>
        <xdr:cNvPr id="34" name="图片 13">
          <a:extLst>
            <a:ext uri="{FF2B5EF4-FFF2-40B4-BE49-F238E27FC236}">
              <a16:creationId xmlns:a16="http://schemas.microsoft.com/office/drawing/2014/main" id="{13D67EDF-6438-4981-B9B6-2B3B70FB7A03}"/>
            </a:ext>
          </a:extLst>
        </xdr:cNvPr>
        <xdr:cNvPicPr>
          <a:picLocks noChangeAspect="1"/>
        </xdr:cNvPicPr>
      </xdr:nvPicPr>
      <xdr:blipFill>
        <a:blip xmlns:r="http://schemas.openxmlformats.org/officeDocument/2006/relationships" r:embed="rId26" cstate="email">
          <a:extLst>
            <a:ext uri="{28A0092B-C50C-407E-A947-70E740481C1C}">
              <a14:useLocalDpi xmlns:a14="http://schemas.microsoft.com/office/drawing/2010/main"/>
            </a:ext>
          </a:extLst>
        </a:blip>
        <a:stretch>
          <a:fillRect/>
        </a:stretch>
      </xdr:blipFill>
      <xdr:spPr>
        <a:xfrm>
          <a:off x="2233365" y="14696143"/>
          <a:ext cx="1037578" cy="175558"/>
        </a:xfrm>
        <a:prstGeom prst="rect">
          <a:avLst/>
        </a:prstGeom>
      </xdr:spPr>
    </xdr:pic>
    <xdr:clientData/>
  </xdr:twoCellAnchor>
  <xdr:twoCellAnchor editAs="oneCell">
    <xdr:from>
      <xdr:col>2</xdr:col>
      <xdr:colOff>207594</xdr:colOff>
      <xdr:row>46</xdr:row>
      <xdr:rowOff>65275</xdr:rowOff>
    </xdr:from>
    <xdr:to>
      <xdr:col>2</xdr:col>
      <xdr:colOff>1297824</xdr:colOff>
      <xdr:row>46</xdr:row>
      <xdr:rowOff>241172</xdr:rowOff>
    </xdr:to>
    <xdr:pic>
      <xdr:nvPicPr>
        <xdr:cNvPr id="35" name="图片 14">
          <a:extLst>
            <a:ext uri="{FF2B5EF4-FFF2-40B4-BE49-F238E27FC236}">
              <a16:creationId xmlns:a16="http://schemas.microsoft.com/office/drawing/2014/main" id="{59EDC70D-712F-47FD-BDDC-811B3EA0FC3A}"/>
            </a:ext>
          </a:extLst>
        </xdr:cNvPr>
        <xdr:cNvPicPr>
          <a:picLocks noChangeAspect="1"/>
        </xdr:cNvPicPr>
      </xdr:nvPicPr>
      <xdr:blipFill>
        <a:blip xmlns:r="http://schemas.openxmlformats.org/officeDocument/2006/relationships" r:embed="rId27" cstate="email">
          <a:extLst>
            <a:ext uri="{28A0092B-C50C-407E-A947-70E740481C1C}">
              <a14:useLocalDpi xmlns:a14="http://schemas.microsoft.com/office/drawing/2010/main"/>
            </a:ext>
          </a:extLst>
        </a:blip>
        <a:stretch>
          <a:fillRect/>
        </a:stretch>
      </xdr:blipFill>
      <xdr:spPr>
        <a:xfrm>
          <a:off x="2195144" y="14301975"/>
          <a:ext cx="1090230" cy="175897"/>
        </a:xfrm>
        <a:prstGeom prst="rect">
          <a:avLst/>
        </a:prstGeom>
      </xdr:spPr>
    </xdr:pic>
    <xdr:clientData/>
  </xdr:twoCellAnchor>
  <xdr:twoCellAnchor editAs="oneCell">
    <xdr:from>
      <xdr:col>2</xdr:col>
      <xdr:colOff>281697</xdr:colOff>
      <xdr:row>48</xdr:row>
      <xdr:rowOff>121418</xdr:rowOff>
    </xdr:from>
    <xdr:to>
      <xdr:col>2</xdr:col>
      <xdr:colOff>1209067</xdr:colOff>
      <xdr:row>48</xdr:row>
      <xdr:rowOff>278885</xdr:rowOff>
    </xdr:to>
    <xdr:pic>
      <xdr:nvPicPr>
        <xdr:cNvPr id="36" name="图片 15">
          <a:extLst>
            <a:ext uri="{FF2B5EF4-FFF2-40B4-BE49-F238E27FC236}">
              <a16:creationId xmlns:a16="http://schemas.microsoft.com/office/drawing/2014/main" id="{38141C55-E3A1-417A-8F0F-AAD611CFBE17}"/>
            </a:ext>
          </a:extLst>
        </xdr:cNvPr>
        <xdr:cNvPicPr>
          <a:picLocks noChangeAspect="1"/>
        </xdr:cNvPicPr>
      </xdr:nvPicPr>
      <xdr:blipFill>
        <a:blip xmlns:r="http://schemas.openxmlformats.org/officeDocument/2006/relationships" r:embed="rId28" cstate="email">
          <a:extLst>
            <a:ext uri="{28A0092B-C50C-407E-A947-70E740481C1C}">
              <a14:useLocalDpi xmlns:a14="http://schemas.microsoft.com/office/drawing/2010/main"/>
            </a:ext>
          </a:extLst>
        </a:blip>
        <a:stretch>
          <a:fillRect/>
        </a:stretch>
      </xdr:blipFill>
      <xdr:spPr>
        <a:xfrm>
          <a:off x="2269247" y="15120118"/>
          <a:ext cx="927370" cy="157467"/>
        </a:xfrm>
        <a:prstGeom prst="rect">
          <a:avLst/>
        </a:prstGeom>
      </xdr:spPr>
    </xdr:pic>
    <xdr:clientData/>
  </xdr:twoCellAnchor>
  <xdr:twoCellAnchor editAs="oneCell">
    <xdr:from>
      <xdr:col>2</xdr:col>
      <xdr:colOff>13779</xdr:colOff>
      <xdr:row>50</xdr:row>
      <xdr:rowOff>134552</xdr:rowOff>
    </xdr:from>
    <xdr:to>
      <xdr:col>3</xdr:col>
      <xdr:colOff>7055</xdr:colOff>
      <xdr:row>50</xdr:row>
      <xdr:rowOff>402165</xdr:rowOff>
    </xdr:to>
    <xdr:pic>
      <xdr:nvPicPr>
        <xdr:cNvPr id="37" name="图片 21" descr="F:\Groupsystem\产品原图\ADU8712-E素材\IMG_0460.png">
          <a:extLst>
            <a:ext uri="{FF2B5EF4-FFF2-40B4-BE49-F238E27FC236}">
              <a16:creationId xmlns:a16="http://schemas.microsoft.com/office/drawing/2014/main" id="{9C56FB67-CD67-4ABD-8FD4-DB9C9AD7A416}"/>
            </a:ext>
          </a:extLst>
        </xdr:cNvPr>
        <xdr:cNvPicPr/>
      </xdr:nvPicPr>
      <xdr:blipFill rotWithShape="1">
        <a:blip xmlns:r="http://schemas.openxmlformats.org/officeDocument/2006/relationships" r:embed="rId29" cstate="email">
          <a:extLst>
            <a:ext uri="{28A0092B-C50C-407E-A947-70E740481C1C}">
              <a14:useLocalDpi xmlns:a14="http://schemas.microsoft.com/office/drawing/2010/main"/>
            </a:ext>
          </a:extLst>
        </a:blip>
        <a:srcRect/>
        <a:stretch/>
      </xdr:blipFill>
      <xdr:spPr bwMode="auto">
        <a:xfrm>
          <a:off x="2001329" y="16619152"/>
          <a:ext cx="1485526" cy="267613"/>
        </a:xfrm>
        <a:prstGeom prst="rect">
          <a:avLst/>
        </a:prstGeom>
        <a:noFill/>
        <a:ln>
          <a:noFill/>
        </a:ln>
        <a:extLst>
          <a:ext uri="{53640926-AAD7-44D8-BBD7-CCE9431645EC}">
            <a14:shadowObscured xmlns:a14="http://schemas.microsoft.com/office/drawing/2010/main"/>
          </a:ext>
        </a:extLst>
      </xdr:spPr>
    </xdr:pic>
    <xdr:clientData/>
  </xdr:twoCellAnchor>
  <xdr:twoCellAnchor editAs="oneCell">
    <xdr:from>
      <xdr:col>2</xdr:col>
      <xdr:colOff>20503</xdr:colOff>
      <xdr:row>51</xdr:row>
      <xdr:rowOff>158292</xdr:rowOff>
    </xdr:from>
    <xdr:to>
      <xdr:col>3</xdr:col>
      <xdr:colOff>14112</xdr:colOff>
      <xdr:row>51</xdr:row>
      <xdr:rowOff>437445</xdr:rowOff>
    </xdr:to>
    <xdr:pic>
      <xdr:nvPicPr>
        <xdr:cNvPr id="38" name="图片 22" descr="F:\Groupsystem\产品原图\ADU8712-E素材\IMG_0460.png">
          <a:extLst>
            <a:ext uri="{FF2B5EF4-FFF2-40B4-BE49-F238E27FC236}">
              <a16:creationId xmlns:a16="http://schemas.microsoft.com/office/drawing/2014/main" id="{7ABF5278-AC0C-4137-B02F-D1AB3D46C0D7}"/>
            </a:ext>
          </a:extLst>
        </xdr:cNvPr>
        <xdr:cNvPicPr/>
      </xdr:nvPicPr>
      <xdr:blipFill rotWithShape="1">
        <a:blip xmlns:r="http://schemas.openxmlformats.org/officeDocument/2006/relationships" r:embed="rId30" cstate="email">
          <a:extLst>
            <a:ext uri="{28A0092B-C50C-407E-A947-70E740481C1C}">
              <a14:useLocalDpi xmlns:a14="http://schemas.microsoft.com/office/drawing/2010/main"/>
            </a:ext>
          </a:extLst>
        </a:blip>
        <a:srcRect/>
        <a:stretch/>
      </xdr:blipFill>
      <xdr:spPr bwMode="auto">
        <a:xfrm>
          <a:off x="2008053" y="17201692"/>
          <a:ext cx="1485859" cy="279153"/>
        </a:xfrm>
        <a:prstGeom prst="rect">
          <a:avLst/>
        </a:prstGeom>
        <a:noFill/>
        <a:ln>
          <a:noFill/>
        </a:ln>
        <a:extLst>
          <a:ext uri="{53640926-AAD7-44D8-BBD7-CCE9431645EC}">
            <a14:shadowObscured xmlns:a14="http://schemas.microsoft.com/office/drawing/2010/main"/>
          </a:ext>
        </a:extLst>
      </xdr:spPr>
    </xdr:pic>
    <xdr:clientData/>
  </xdr:twoCellAnchor>
  <xdr:oneCellAnchor>
    <xdr:from>
      <xdr:col>2</xdr:col>
      <xdr:colOff>119281</xdr:colOff>
      <xdr:row>49</xdr:row>
      <xdr:rowOff>151237</xdr:rowOff>
    </xdr:from>
    <xdr:ext cx="1341220" cy="257985"/>
    <xdr:pic>
      <xdr:nvPicPr>
        <xdr:cNvPr id="39" name="图片 25" descr="F:\Groupsystem\产品原图\ADU8712-E素材\IMG_0460.png">
          <a:extLst>
            <a:ext uri="{FF2B5EF4-FFF2-40B4-BE49-F238E27FC236}">
              <a16:creationId xmlns:a16="http://schemas.microsoft.com/office/drawing/2014/main" id="{56899779-695E-489B-AFDB-8F8148ECBC8A}"/>
            </a:ext>
          </a:extLst>
        </xdr:cNvPr>
        <xdr:cNvPicPr/>
      </xdr:nvPicPr>
      <xdr:blipFill rotWithShape="1">
        <a:blip xmlns:r="http://schemas.openxmlformats.org/officeDocument/2006/relationships" r:embed="rId31" cstate="email">
          <a:extLst>
            <a:ext uri="{28A0092B-C50C-407E-A947-70E740481C1C}">
              <a14:useLocalDpi xmlns:a14="http://schemas.microsoft.com/office/drawing/2010/main"/>
            </a:ext>
          </a:extLst>
        </a:blip>
        <a:srcRect/>
        <a:stretch/>
      </xdr:blipFill>
      <xdr:spPr bwMode="auto">
        <a:xfrm>
          <a:off x="2106831" y="16077037"/>
          <a:ext cx="1341220" cy="257985"/>
        </a:xfrm>
        <a:prstGeom prst="rect">
          <a:avLst/>
        </a:prstGeom>
        <a:noFill/>
        <a:ln>
          <a:noFill/>
        </a:ln>
        <a:extLst>
          <a:ext uri="{53640926-AAD7-44D8-BBD7-CCE9431645EC}">
            <a14:shadowObscured xmlns:a14="http://schemas.microsoft.com/office/drawing/2010/main"/>
          </a:ext>
        </a:extLst>
      </xdr:spPr>
    </xdr:pic>
    <xdr:clientData/>
  </xdr:oneCellAnchor>
  <xdr:twoCellAnchor editAs="oneCell">
    <xdr:from>
      <xdr:col>2</xdr:col>
      <xdr:colOff>239888</xdr:colOff>
      <xdr:row>17</xdr:row>
      <xdr:rowOff>49389</xdr:rowOff>
    </xdr:from>
    <xdr:to>
      <xdr:col>2</xdr:col>
      <xdr:colOff>1326443</xdr:colOff>
      <xdr:row>18</xdr:row>
      <xdr:rowOff>6349</xdr:rowOff>
    </xdr:to>
    <xdr:pic>
      <xdr:nvPicPr>
        <xdr:cNvPr id="40" name="图片 3">
          <a:extLst>
            <a:ext uri="{FF2B5EF4-FFF2-40B4-BE49-F238E27FC236}">
              <a16:creationId xmlns:a16="http://schemas.microsoft.com/office/drawing/2014/main" id="{7D7D790E-AA83-4C77-A109-4481880BB548}"/>
            </a:ext>
          </a:extLst>
        </xdr:cNvPr>
        <xdr:cNvPicPr/>
      </xdr:nvPicPr>
      <xdr:blipFill rotWithShape="1">
        <a:blip xmlns:r="http://schemas.openxmlformats.org/officeDocument/2006/relationships" r:embed="rId32" cstate="email">
          <a:extLst>
            <a:ext uri="{28A0092B-C50C-407E-A947-70E740481C1C}">
              <a14:useLocalDpi xmlns:a14="http://schemas.microsoft.com/office/drawing/2010/main"/>
            </a:ext>
          </a:extLst>
        </a:blip>
        <a:srcRect/>
        <a:stretch/>
      </xdr:blipFill>
      <xdr:spPr bwMode="auto">
        <a:xfrm>
          <a:off x="2227438" y="5218289"/>
          <a:ext cx="1086555" cy="782460"/>
        </a:xfrm>
        <a:prstGeom prst="rect">
          <a:avLst/>
        </a:prstGeom>
        <a:noFill/>
        <a:ln>
          <a:noFill/>
        </a:ln>
        <a:extLst>
          <a:ext uri="{53640926-AAD7-44D8-BBD7-CCE9431645EC}">
            <a14:shadowObscured xmlns:a14="http://schemas.microsoft.com/office/drawing/2010/main"/>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0</xdr:colOff>
      <xdr:row>14</xdr:row>
      <xdr:rowOff>0</xdr:rowOff>
    </xdr:from>
    <xdr:to>
      <xdr:col>5</xdr:col>
      <xdr:colOff>301891</xdr:colOff>
      <xdr:row>23</xdr:row>
      <xdr:rowOff>70448</xdr:rowOff>
    </xdr:to>
    <xdr:pic>
      <xdr:nvPicPr>
        <xdr:cNvPr id="3" name="Picture 2">
          <a:extLst>
            <a:ext uri="{FF2B5EF4-FFF2-40B4-BE49-F238E27FC236}">
              <a16:creationId xmlns:a16="http://schemas.microsoft.com/office/drawing/2014/main" id="{3A32B942-E7BB-4E51-9261-E3C9A328F770}"/>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tretch>
          <a:fillRect/>
        </a:stretch>
      </xdr:blipFill>
      <xdr:spPr>
        <a:xfrm>
          <a:off x="114300" y="40513000"/>
          <a:ext cx="6401066" cy="1727798"/>
        </a:xfrm>
        <a:prstGeom prst="rect">
          <a:avLst/>
        </a:prstGeom>
      </xdr:spPr>
    </xdr:pic>
    <xdr:clientData/>
  </xdr:twoCellAnchor>
  <xdr:twoCellAnchor editAs="oneCell">
    <xdr:from>
      <xdr:col>10</xdr:col>
      <xdr:colOff>0</xdr:colOff>
      <xdr:row>9</xdr:row>
      <xdr:rowOff>0</xdr:rowOff>
    </xdr:from>
    <xdr:to>
      <xdr:col>10</xdr:col>
      <xdr:colOff>9525</xdr:colOff>
      <xdr:row>9</xdr:row>
      <xdr:rowOff>9525</xdr:rowOff>
    </xdr:to>
    <xdr:pic>
      <xdr:nvPicPr>
        <xdr:cNvPr id="69" name="图片 2" descr="C:\Users\lw7435\AppData\Roaming\Foxmail7\Temp-5892-20190527081204\Attach\ecblank(05-27-08-19-56).gif">
          <a:extLst>
            <a:ext uri="{FF2B5EF4-FFF2-40B4-BE49-F238E27FC236}">
              <a16:creationId xmlns:a16="http://schemas.microsoft.com/office/drawing/2014/main" id="{EC101135-9396-4AC0-9719-24B5FAF47B38}"/>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9</xdr:row>
      <xdr:rowOff>0</xdr:rowOff>
    </xdr:from>
    <xdr:to>
      <xdr:col>10</xdr:col>
      <xdr:colOff>9525</xdr:colOff>
      <xdr:row>9</xdr:row>
      <xdr:rowOff>9525</xdr:rowOff>
    </xdr:to>
    <xdr:pic>
      <xdr:nvPicPr>
        <xdr:cNvPr id="70" name="图片 6" descr="C:\Users\lw7435\AppData\Roaming\Foxmail7\Temp-5892-20190527081204\Attach\ecblank(05-27-08-19-56).gif">
          <a:extLst>
            <a:ext uri="{FF2B5EF4-FFF2-40B4-BE49-F238E27FC236}">
              <a16:creationId xmlns:a16="http://schemas.microsoft.com/office/drawing/2014/main" id="{93C30CD6-067D-4DC2-B1EC-C9D3A09812F4}"/>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10</xdr:col>
      <xdr:colOff>0</xdr:colOff>
      <xdr:row>9</xdr:row>
      <xdr:rowOff>0</xdr:rowOff>
    </xdr:from>
    <xdr:ext cx="9525" cy="9525"/>
    <xdr:pic>
      <xdr:nvPicPr>
        <xdr:cNvPr id="71" name="图片 2" descr="C:\Users\lw7435\AppData\Roaming\Foxmail7\Temp-5892-20190527081204\Attach\ecblank(05-27-08-19-56).gif">
          <a:extLst>
            <a:ext uri="{FF2B5EF4-FFF2-40B4-BE49-F238E27FC236}">
              <a16:creationId xmlns:a16="http://schemas.microsoft.com/office/drawing/2014/main" id="{FD9686B0-BAD1-4290-B235-2ECE9072503F}"/>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10</xdr:col>
      <xdr:colOff>0</xdr:colOff>
      <xdr:row>9</xdr:row>
      <xdr:rowOff>0</xdr:rowOff>
    </xdr:from>
    <xdr:ext cx="9525" cy="9525"/>
    <xdr:pic>
      <xdr:nvPicPr>
        <xdr:cNvPr id="72" name="图片 6" descr="C:\Users\lw7435\AppData\Roaming\Foxmail7\Temp-5892-20190527081204\Attach\ecblank(05-27-08-19-56).gif">
          <a:extLst>
            <a:ext uri="{FF2B5EF4-FFF2-40B4-BE49-F238E27FC236}">
              <a16:creationId xmlns:a16="http://schemas.microsoft.com/office/drawing/2014/main" id="{60532245-5075-4DB9-9AAF-D2D9965CD66D}"/>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editAs="oneCell">
    <xdr:from>
      <xdr:col>10</xdr:col>
      <xdr:colOff>0</xdr:colOff>
      <xdr:row>9</xdr:row>
      <xdr:rowOff>0</xdr:rowOff>
    </xdr:from>
    <xdr:to>
      <xdr:col>10</xdr:col>
      <xdr:colOff>9525</xdr:colOff>
      <xdr:row>9</xdr:row>
      <xdr:rowOff>9525</xdr:rowOff>
    </xdr:to>
    <xdr:pic>
      <xdr:nvPicPr>
        <xdr:cNvPr id="73" name="图片 11" descr="C:\Users\lw7435\AppData\Roaming\Foxmail7\Temp-5892-20190527081204\Attach\ecblank(05-27-08-19-56).gif">
          <a:extLst>
            <a:ext uri="{FF2B5EF4-FFF2-40B4-BE49-F238E27FC236}">
              <a16:creationId xmlns:a16="http://schemas.microsoft.com/office/drawing/2014/main" id="{ECE7A6DE-18EA-4E7B-9841-5C31D4637ABA}"/>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0</xdr:col>
      <xdr:colOff>0</xdr:colOff>
      <xdr:row>9</xdr:row>
      <xdr:rowOff>0</xdr:rowOff>
    </xdr:from>
    <xdr:to>
      <xdr:col>10</xdr:col>
      <xdr:colOff>9525</xdr:colOff>
      <xdr:row>9</xdr:row>
      <xdr:rowOff>9525</xdr:rowOff>
    </xdr:to>
    <xdr:pic>
      <xdr:nvPicPr>
        <xdr:cNvPr id="74" name="图片 15" descr="C:\Users\lw7435\AppData\Roaming\Foxmail7\Temp-5892-20190527081204\Attach\ecblank(05-27-08-19-56).gif">
          <a:extLst>
            <a:ext uri="{FF2B5EF4-FFF2-40B4-BE49-F238E27FC236}">
              <a16:creationId xmlns:a16="http://schemas.microsoft.com/office/drawing/2014/main" id="{D2C8E305-70E6-4255-873D-8DA93EAA2F9F}"/>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a:xfrm>
          <a:off x="10572750" y="34804350"/>
          <a:ext cx="9525" cy="95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8.xml><?xml version="1.0" encoding="utf-8"?>
<xdr:wsDr xmlns:xdr="http://schemas.openxmlformats.org/drawingml/2006/spreadsheetDrawing" xmlns:a="http://schemas.openxmlformats.org/drawingml/2006/main">
  <xdr:oneCellAnchor>
    <xdr:from>
      <xdr:col>1</xdr:col>
      <xdr:colOff>340658</xdr:colOff>
      <xdr:row>1</xdr:row>
      <xdr:rowOff>77710</xdr:rowOff>
    </xdr:from>
    <xdr:ext cx="1183342" cy="926261"/>
    <xdr:pic>
      <xdr:nvPicPr>
        <xdr:cNvPr id="2" name="图片 1" descr="\\info-server\产品资料库\09-01-产品图片库\01-国内\08-产品配件\AE-LENS-YM0312D-3M镜头\png-用于胶片或网站\AE-LENS-YM0312D-3M镜头_F_1306.png">
          <a:extLst>
            <a:ext uri="{FF2B5EF4-FFF2-40B4-BE49-F238E27FC236}">
              <a16:creationId xmlns:a16="http://schemas.microsoft.com/office/drawing/2014/main" id="{92C90DD5-71FC-479D-80E4-9828CFB922D5}"/>
            </a:ext>
          </a:extLst>
        </xdr:cNvPr>
        <xdr:cNvPicPr>
          <a:picLocks noChangeAspect="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a:xfrm>
          <a:off x="1305858" y="261860"/>
          <a:ext cx="1183342" cy="926261"/>
        </a:xfrm>
        <a:prstGeom prst="rect">
          <a:avLst/>
        </a:prstGeom>
        <a:noFill/>
        <a:ln>
          <a:noFill/>
        </a:ln>
      </xdr:spPr>
    </xdr:pic>
    <xdr:clientData/>
  </xdr:oneCellAnchor>
  <xdr:oneCellAnchor>
    <xdr:from>
      <xdr:col>2</xdr:col>
      <xdr:colOff>340660</xdr:colOff>
      <xdr:row>1</xdr:row>
      <xdr:rowOff>80682</xdr:rowOff>
    </xdr:from>
    <xdr:ext cx="1061270" cy="860948"/>
    <xdr:pic>
      <xdr:nvPicPr>
        <xdr:cNvPr id="3" name="图片 2">
          <a:extLst>
            <a:ext uri="{FF2B5EF4-FFF2-40B4-BE49-F238E27FC236}">
              <a16:creationId xmlns:a16="http://schemas.microsoft.com/office/drawing/2014/main" id="{68CAD50F-609B-4B56-B9DE-41D3227D4212}"/>
            </a:ext>
          </a:extLst>
        </xdr:cNvPr>
        <xdr:cNvPicPr>
          <a:picLocks noChangeAspect="1"/>
        </xdr:cNvPicPr>
      </xdr:nvPicPr>
      <xdr:blipFill>
        <a:blip xmlns:r="http://schemas.openxmlformats.org/officeDocument/2006/relationships" r:embed="rId2" cstate="email">
          <a:extLst>
            <a:ext uri="{28A0092B-C50C-407E-A947-70E740481C1C}">
              <a14:useLocalDpi xmlns:a14="http://schemas.microsoft.com/office/drawing/2010/main"/>
            </a:ext>
          </a:extLst>
        </a:blip>
        <a:srcRect/>
        <a:stretch>
          <a:fillRect/>
        </a:stretch>
      </xdr:blipFill>
      <xdr:spPr>
        <a:xfrm>
          <a:off x="3312460" y="264832"/>
          <a:ext cx="1061270" cy="860948"/>
        </a:xfrm>
        <a:prstGeom prst="rect">
          <a:avLst/>
        </a:prstGeom>
        <a:noFill/>
        <a:ln w="9525">
          <a:noFill/>
          <a:miter lim="800000"/>
          <a:headEnd/>
          <a:tailEnd/>
        </a:ln>
      </xdr:spPr>
    </xdr:pic>
    <xdr:clientData/>
  </xdr:oneCellAnchor>
  <xdr:oneCellAnchor>
    <xdr:from>
      <xdr:col>2</xdr:col>
      <xdr:colOff>349623</xdr:colOff>
      <xdr:row>12</xdr:row>
      <xdr:rowOff>152401</xdr:rowOff>
    </xdr:from>
    <xdr:ext cx="1050324" cy="949064"/>
    <xdr:pic>
      <xdr:nvPicPr>
        <xdr:cNvPr id="4" name="图片 4" descr="C:\Users\z03884\AppData\Local\Temp\notes9A0285\LENS-DM3816D-8M_F2.png">
          <a:extLst>
            <a:ext uri="{FF2B5EF4-FFF2-40B4-BE49-F238E27FC236}">
              <a16:creationId xmlns:a16="http://schemas.microsoft.com/office/drawing/2014/main" id="{333D76F9-1F6E-426D-8FE6-BC9CEEA12A00}"/>
            </a:ext>
          </a:extLst>
        </xdr:cNvPr>
        <xdr:cNvPicPr>
          <a:picLocks noChangeAspect="1"/>
        </xdr:cNvPicPr>
      </xdr:nvPicPr>
      <xdr:blipFill>
        <a:blip xmlns:r="http://schemas.openxmlformats.org/officeDocument/2006/relationships" r:embed="rId3" cstate="email">
          <a:extLst>
            <a:ext uri="{28A0092B-C50C-407E-A947-70E740481C1C}">
              <a14:useLocalDpi xmlns:a14="http://schemas.microsoft.com/office/drawing/2010/main"/>
            </a:ext>
          </a:extLst>
        </a:blip>
        <a:srcRect/>
        <a:stretch>
          <a:fillRect/>
        </a:stretch>
      </xdr:blipFill>
      <xdr:spPr>
        <a:xfrm>
          <a:off x="3321423" y="3200401"/>
          <a:ext cx="1050324" cy="949064"/>
        </a:xfrm>
        <a:prstGeom prst="rect">
          <a:avLst/>
        </a:prstGeom>
        <a:noFill/>
        <a:ln>
          <a:noFill/>
        </a:ln>
      </xdr:spPr>
    </xdr:pic>
    <xdr:clientData/>
  </xdr:oneCellAnchor>
  <xdr:oneCellAnchor>
    <xdr:from>
      <xdr:col>3</xdr:col>
      <xdr:colOff>403413</xdr:colOff>
      <xdr:row>12</xdr:row>
      <xdr:rowOff>131504</xdr:rowOff>
    </xdr:from>
    <xdr:ext cx="609600" cy="1012728"/>
    <xdr:pic>
      <xdr:nvPicPr>
        <xdr:cNvPr id="5" name="图片 5" descr="C:\Users\z03884\AppData\Local\Temp\notes9A0285\白牌1570-8M-NB.jpg">
          <a:extLst>
            <a:ext uri="{FF2B5EF4-FFF2-40B4-BE49-F238E27FC236}">
              <a16:creationId xmlns:a16="http://schemas.microsoft.com/office/drawing/2014/main" id="{690EB546-BCB7-4674-98E4-BF5BC7474214}"/>
            </a:ext>
          </a:extLst>
        </xdr:cNvPr>
        <xdr:cNvPicPr>
          <a:picLocks noChangeAspect="1"/>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5299263" y="3179504"/>
          <a:ext cx="609600" cy="1012728"/>
        </a:xfrm>
        <a:prstGeom prst="rect">
          <a:avLst/>
        </a:prstGeom>
        <a:noFill/>
        <a:ln>
          <a:noFill/>
        </a:ln>
      </xdr:spPr>
    </xdr:pic>
    <xdr:clientData/>
  </xdr:oneCellAnchor>
  <xdr:oneCellAnchor>
    <xdr:from>
      <xdr:col>4</xdr:col>
      <xdr:colOff>448235</xdr:colOff>
      <xdr:row>12</xdr:row>
      <xdr:rowOff>140418</xdr:rowOff>
    </xdr:from>
    <xdr:ext cx="618565" cy="830085"/>
    <xdr:pic>
      <xdr:nvPicPr>
        <xdr:cNvPr id="6" name="图片 6" descr="C:\Users\z03884\AppData\Local\Temp\notes9A0285\白牌0825-8M-NB.jpg">
          <a:extLst>
            <a:ext uri="{FF2B5EF4-FFF2-40B4-BE49-F238E27FC236}">
              <a16:creationId xmlns:a16="http://schemas.microsoft.com/office/drawing/2014/main" id="{15DAEFCC-8090-4011-A25D-B0A13F0257C0}"/>
            </a:ext>
          </a:extLst>
        </xdr:cNvPr>
        <xdr:cNvPicPr>
          <a:picLocks noChangeAspect="1"/>
        </xdr:cNvPicPr>
      </xdr:nvPicPr>
      <xdr:blipFill>
        <a:blip xmlns:r="http://schemas.openxmlformats.org/officeDocument/2006/relationships" r:embed="rId5" cstate="email">
          <a:extLst>
            <a:ext uri="{28A0092B-C50C-407E-A947-70E740481C1C}">
              <a14:useLocalDpi xmlns:a14="http://schemas.microsoft.com/office/drawing/2010/main"/>
            </a:ext>
          </a:extLst>
        </a:blip>
        <a:srcRect/>
        <a:stretch>
          <a:fillRect/>
        </a:stretch>
      </xdr:blipFill>
      <xdr:spPr>
        <a:xfrm>
          <a:off x="7052235" y="3188418"/>
          <a:ext cx="618565" cy="830085"/>
        </a:xfrm>
        <a:prstGeom prst="rect">
          <a:avLst/>
        </a:prstGeom>
        <a:noFill/>
        <a:ln>
          <a:noFill/>
        </a:ln>
      </xdr:spPr>
    </xdr:pic>
    <xdr:clientData/>
  </xdr:oneCellAnchor>
  <xdr:oneCellAnchor>
    <xdr:from>
      <xdr:col>1</xdr:col>
      <xdr:colOff>700094</xdr:colOff>
      <xdr:row>12</xdr:row>
      <xdr:rowOff>123265</xdr:rowOff>
    </xdr:from>
    <xdr:ext cx="624344" cy="903196"/>
    <xdr:pic>
      <xdr:nvPicPr>
        <xdr:cNvPr id="7" name="Picture 2">
          <a:extLst>
            <a:ext uri="{FF2B5EF4-FFF2-40B4-BE49-F238E27FC236}">
              <a16:creationId xmlns:a16="http://schemas.microsoft.com/office/drawing/2014/main" id="{178DD88A-B0DE-446F-880A-01B637432D65}"/>
            </a:ext>
          </a:extLst>
        </xdr:cNvPr>
        <xdr:cNvPicPr>
          <a:picLocks noChangeAspect="1" noChangeArrowheads="1"/>
        </xdr:cNvPicPr>
      </xdr:nvPicPr>
      <xdr:blipFill>
        <a:blip xmlns:r="http://schemas.openxmlformats.org/officeDocument/2006/relationships" r:embed="rId6" cstate="email">
          <a:extLst>
            <a:ext uri="{28A0092B-C50C-407E-A947-70E740481C1C}">
              <a14:useLocalDpi xmlns:a14="http://schemas.microsoft.com/office/drawing/2010/main"/>
            </a:ext>
          </a:extLst>
        </a:blip>
        <a:srcRect/>
        <a:stretch>
          <a:fillRect/>
        </a:stretch>
      </xdr:blipFill>
      <xdr:spPr>
        <a:xfrm>
          <a:off x="1665294" y="3171265"/>
          <a:ext cx="624344" cy="903196"/>
        </a:xfrm>
        <a:prstGeom prst="rect">
          <a:avLst/>
        </a:prstGeom>
        <a:noFill/>
        <a:ln w="1">
          <a:noFill/>
          <a:miter lim="800000"/>
          <a:headEnd/>
          <a:tailEnd type="none" w="med" len="med"/>
        </a:ln>
        <a:effectLst/>
      </xdr:spPr>
    </xdr:pic>
    <xdr:clientData/>
  </xdr:oneCellAnchor>
</xdr:wsDr>
</file>

<file path=xl/drawings/drawing9.xml><?xml version="1.0" encoding="utf-8"?>
<xdr:wsDr xmlns:xdr="http://schemas.openxmlformats.org/drawingml/2006/spreadsheetDrawing" xmlns:a="http://schemas.openxmlformats.org/drawingml/2006/main">
  <xdr:twoCellAnchor editAs="oneCell">
    <xdr:from>
      <xdr:col>2</xdr:col>
      <xdr:colOff>287866</xdr:colOff>
      <xdr:row>1</xdr:row>
      <xdr:rowOff>206407</xdr:rowOff>
    </xdr:from>
    <xdr:to>
      <xdr:col>2</xdr:col>
      <xdr:colOff>1257300</xdr:colOff>
      <xdr:row>2</xdr:row>
      <xdr:rowOff>330200</xdr:rowOff>
    </xdr:to>
    <xdr:pic>
      <xdr:nvPicPr>
        <xdr:cNvPr id="2" name="Picture 1">
          <a:extLst>
            <a:ext uri="{FF2B5EF4-FFF2-40B4-BE49-F238E27FC236}">
              <a16:creationId xmlns:a16="http://schemas.microsoft.com/office/drawing/2014/main" id="{B2335F97-44D4-4696-A325-39FD989F4E7E}"/>
            </a:ext>
          </a:extLst>
        </xdr:cNvPr>
        <xdr:cNvPicPr>
          <a:picLocks noChangeAspect="1" noChangeArrowheads="1"/>
        </xdr:cNvPicPr>
      </xdr:nvPicPr>
      <xdr:blipFill>
        <a:blip xmlns:r="http://schemas.openxmlformats.org/officeDocument/2006/relationships" r:embed="rId1" cstate="email">
          <a:extLst>
            <a:ext uri="{28A0092B-C50C-407E-A947-70E740481C1C}">
              <a14:useLocalDpi xmlns:a14="http://schemas.microsoft.com/office/drawing/2010/main"/>
            </a:ext>
          </a:extLst>
        </a:blip>
        <a:srcRect/>
        <a:stretch>
          <a:fillRect/>
        </a:stretch>
      </xdr:blipFill>
      <xdr:spPr bwMode="auto">
        <a:xfrm>
          <a:off x="2916766" y="606457"/>
          <a:ext cx="969434" cy="64449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191888</xdr:colOff>
      <xdr:row>3</xdr:row>
      <xdr:rowOff>166157</xdr:rowOff>
    </xdr:from>
    <xdr:to>
      <xdr:col>2</xdr:col>
      <xdr:colOff>1277356</xdr:colOff>
      <xdr:row>4</xdr:row>
      <xdr:rowOff>247650</xdr:rowOff>
    </xdr:to>
    <xdr:pic>
      <xdr:nvPicPr>
        <xdr:cNvPr id="3" name="Picture 2" descr="11__=C7BB0D80DFB39E4E8f9e8a93d@cn-uniview">
          <a:extLst>
            <a:ext uri="{FF2B5EF4-FFF2-40B4-BE49-F238E27FC236}">
              <a16:creationId xmlns:a16="http://schemas.microsoft.com/office/drawing/2014/main" id="{3EC993E3-DFEA-4058-8243-A7F3A4091361}"/>
            </a:ext>
          </a:extLst>
        </xdr:cNvPr>
        <xdr:cNvPicPr>
          <a:picLocks noChangeAspect="1" noChangeArrowheads="1"/>
        </xdr:cNvPicPr>
      </xdr:nvPicPr>
      <xdr:blipFill>
        <a:blip xmlns:r="http://schemas.openxmlformats.org/officeDocument/2006/relationships" r:embed="rId2" cstate="email">
          <a:extLst>
            <a:ext uri="{BEBA8EAE-BF5A-486C-A8C5-ECC9F3942E4B}">
              <a14:imgProps xmlns:a14="http://schemas.microsoft.com/office/drawing/2010/main">
                <a14:imgLayer r:embed="rId3">
                  <a14:imgEffect>
                    <a14:backgroundRemoval t="9091" b="89899" l="10000" r="95652"/>
                  </a14:imgEffect>
                </a14:imgLayer>
              </a14:imgProps>
            </a:ext>
            <a:ext uri="{28A0092B-C50C-407E-A947-70E740481C1C}">
              <a14:useLocalDpi xmlns:a14="http://schemas.microsoft.com/office/drawing/2010/main"/>
            </a:ext>
          </a:extLst>
        </a:blip>
        <a:srcRect/>
        <a:stretch>
          <a:fillRect/>
        </a:stretch>
      </xdr:blipFill>
      <xdr:spPr bwMode="auto">
        <a:xfrm>
          <a:off x="2820788" y="1607607"/>
          <a:ext cx="1085468" cy="5450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409755</xdr:colOff>
      <xdr:row>7</xdr:row>
      <xdr:rowOff>50095</xdr:rowOff>
    </xdr:from>
    <xdr:to>
      <xdr:col>2</xdr:col>
      <xdr:colOff>977900</xdr:colOff>
      <xdr:row>7</xdr:row>
      <xdr:rowOff>736600</xdr:rowOff>
    </xdr:to>
    <xdr:pic>
      <xdr:nvPicPr>
        <xdr:cNvPr id="4" name="图片 87" descr="C:\Users\l01304\AppData\Local\Temp\notesE97E9E\new-dome-x.679x2副本.png">
          <a:extLst>
            <a:ext uri="{FF2B5EF4-FFF2-40B4-BE49-F238E27FC236}">
              <a16:creationId xmlns:a16="http://schemas.microsoft.com/office/drawing/2014/main" id="{AC846439-9E87-4164-92B8-EB41EE03A441}"/>
            </a:ext>
          </a:extLst>
        </xdr:cNvPr>
        <xdr:cNvPicPr/>
      </xdr:nvPicPr>
      <xdr:blipFill>
        <a:blip xmlns:r="http://schemas.openxmlformats.org/officeDocument/2006/relationships" r:embed="rId4" cstate="email">
          <a:extLst>
            <a:ext uri="{28A0092B-C50C-407E-A947-70E740481C1C}">
              <a14:useLocalDpi xmlns:a14="http://schemas.microsoft.com/office/drawing/2010/main"/>
            </a:ext>
          </a:extLst>
        </a:blip>
        <a:srcRect/>
        <a:stretch>
          <a:fillRect/>
        </a:stretch>
      </xdr:blipFill>
      <xdr:spPr>
        <a:xfrm>
          <a:off x="3381555" y="3396545"/>
          <a:ext cx="568145" cy="686505"/>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hyperlink" Target="mailto:DE3160-V2@S" TargetMode="External"/><Relationship Id="rId1" Type="http://schemas.openxmlformats.org/officeDocument/2006/relationships/hyperlink" Target="mailto:VX3060-V2@S" TargetMode="Externa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2.bin"/><Relationship Id="rId2" Type="http://schemas.openxmlformats.org/officeDocument/2006/relationships/hyperlink" Target="mailto:EXC6621@X33%20(EXC612-IR)" TargetMode="External"/><Relationship Id="rId1" Type="http://schemas.openxmlformats.org/officeDocument/2006/relationships/hyperlink" Target="mailto:EXC6621@X33%20(EXC612-IR)" TargetMode="External"/><Relationship Id="rId4"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5.bin"/><Relationship Id="rId1" Type="http://schemas.openxmlformats.org/officeDocument/2006/relationships/hyperlink" Target="mailto:PWR-DC5612-P@NB" TargetMode="Externa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202"/>
  <sheetViews>
    <sheetView zoomScale="80" zoomScaleNormal="80" workbookViewId="0">
      <selection activeCell="A3" sqref="A3"/>
    </sheetView>
  </sheetViews>
  <sheetFormatPr defaultColWidth="9" defaultRowHeight="15"/>
  <cols>
    <col min="1" max="1" width="23.140625" style="128" customWidth="1"/>
    <col min="2" max="2" width="20.85546875" style="126" customWidth="1"/>
    <col min="3" max="3" width="23.42578125" style="126" customWidth="1"/>
    <col min="4" max="4" width="30.42578125" style="126" customWidth="1"/>
    <col min="5" max="5" width="15.42578125" style="126" customWidth="1"/>
    <col min="6" max="6" width="13.28515625" style="126" customWidth="1"/>
    <col min="7" max="7" width="12.42578125" style="127" customWidth="1"/>
    <col min="8" max="8" width="15.42578125" style="127" customWidth="1"/>
    <col min="9" max="9" width="6.85546875" style="126" customWidth="1"/>
    <col min="10" max="10" width="28.140625" style="126" customWidth="1"/>
    <col min="11" max="11" width="12.85546875" style="128" customWidth="1"/>
    <col min="12" max="16384" width="9" style="128"/>
  </cols>
  <sheetData>
    <row r="1" spans="1:11" ht="21">
      <c r="A1" s="124" t="s">
        <v>352</v>
      </c>
      <c r="B1" s="125"/>
    </row>
    <row r="2" spans="1:11" ht="21" customHeight="1">
      <c r="A2" s="129" t="s">
        <v>22</v>
      </c>
      <c r="B2" s="130" t="s">
        <v>353</v>
      </c>
      <c r="C2" s="130"/>
    </row>
    <row r="3" spans="1:11">
      <c r="A3" s="131" t="s">
        <v>354</v>
      </c>
      <c r="B3" s="132">
        <v>2</v>
      </c>
      <c r="C3" s="132">
        <v>1</v>
      </c>
      <c r="D3" s="132">
        <v>2</v>
      </c>
      <c r="E3" s="132">
        <v>4</v>
      </c>
      <c r="F3" s="131" t="s">
        <v>355</v>
      </c>
      <c r="G3" s="131"/>
      <c r="H3" s="131" t="s">
        <v>356</v>
      </c>
    </row>
    <row r="4" spans="1:11" ht="15.75" thickBot="1"/>
    <row r="5" spans="1:11" ht="26.25" customHeight="1" thickTop="1" thickBot="1">
      <c r="B5" s="133" t="s">
        <v>357</v>
      </c>
      <c r="C5" s="133" t="s">
        <v>112</v>
      </c>
      <c r="D5" s="133" t="s">
        <v>358</v>
      </c>
      <c r="E5" s="133" t="s">
        <v>359</v>
      </c>
      <c r="F5" s="134" t="s">
        <v>360</v>
      </c>
      <c r="G5" s="135"/>
      <c r="H5" s="134" t="s">
        <v>361</v>
      </c>
      <c r="I5" s="135"/>
      <c r="J5" s="136" t="s">
        <v>362</v>
      </c>
      <c r="K5" s="133" t="s">
        <v>363</v>
      </c>
    </row>
    <row r="6" spans="1:11" ht="21.75" thickBot="1">
      <c r="A6" s="137" t="s">
        <v>364</v>
      </c>
      <c r="B6" s="137" t="s">
        <v>365</v>
      </c>
      <c r="C6" s="137" t="s">
        <v>366</v>
      </c>
      <c r="D6" s="137" t="s">
        <v>367</v>
      </c>
      <c r="E6" s="137" t="s">
        <v>368</v>
      </c>
      <c r="F6" s="138" t="s">
        <v>369</v>
      </c>
      <c r="G6" s="139"/>
      <c r="H6" s="138" t="s">
        <v>370</v>
      </c>
      <c r="I6" s="139"/>
      <c r="J6" s="138" t="s">
        <v>371</v>
      </c>
      <c r="K6" s="137" t="s">
        <v>372</v>
      </c>
    </row>
    <row r="7" spans="1:11" ht="17.25" thickTop="1">
      <c r="A7" s="140" t="s">
        <v>373</v>
      </c>
      <c r="B7" s="140" t="s">
        <v>374</v>
      </c>
      <c r="C7" s="141" t="s">
        <v>375</v>
      </c>
      <c r="D7" s="140" t="s">
        <v>358</v>
      </c>
      <c r="E7" s="142" t="s">
        <v>376</v>
      </c>
      <c r="F7" s="142" t="s">
        <v>377</v>
      </c>
      <c r="G7" s="142"/>
      <c r="H7" s="142" t="s">
        <v>378</v>
      </c>
      <c r="I7" s="142"/>
      <c r="J7" s="142" t="s">
        <v>370</v>
      </c>
      <c r="K7" s="142" t="s">
        <v>379</v>
      </c>
    </row>
    <row r="8" spans="1:11" ht="16.5">
      <c r="A8" s="140"/>
      <c r="B8" s="140" t="s">
        <v>380</v>
      </c>
      <c r="C8" s="143" t="s">
        <v>381</v>
      </c>
      <c r="D8" s="142"/>
      <c r="E8" s="142" t="s">
        <v>382</v>
      </c>
      <c r="F8" s="142" t="s">
        <v>383</v>
      </c>
      <c r="G8" s="142"/>
      <c r="H8" s="142" t="s">
        <v>384</v>
      </c>
      <c r="I8" s="142"/>
      <c r="J8" s="142" t="s">
        <v>385</v>
      </c>
      <c r="K8" s="142"/>
    </row>
    <row r="9" spans="1:11" ht="16.5">
      <c r="A9" s="140"/>
      <c r="B9" s="140" t="s">
        <v>386</v>
      </c>
      <c r="C9" s="143" t="s">
        <v>387</v>
      </c>
      <c r="D9" s="142"/>
      <c r="E9" s="142" t="s">
        <v>388</v>
      </c>
      <c r="F9" s="142" t="s">
        <v>389</v>
      </c>
      <c r="G9" s="142"/>
      <c r="H9" s="142" t="s">
        <v>390</v>
      </c>
      <c r="I9" s="142"/>
      <c r="J9" s="142" t="s">
        <v>391</v>
      </c>
      <c r="K9" s="142"/>
    </row>
    <row r="10" spans="1:11" ht="16.5">
      <c r="A10" s="140"/>
      <c r="B10" s="140" t="s">
        <v>392</v>
      </c>
      <c r="C10" s="143" t="s">
        <v>393</v>
      </c>
      <c r="D10" s="142"/>
      <c r="E10" s="142" t="s">
        <v>394</v>
      </c>
      <c r="F10" s="142" t="s">
        <v>395</v>
      </c>
      <c r="G10" s="142"/>
      <c r="H10" s="142" t="s">
        <v>396</v>
      </c>
      <c r="I10" s="142"/>
      <c r="J10" s="142"/>
      <c r="K10" s="142"/>
    </row>
    <row r="11" spans="1:11" ht="16.5">
      <c r="A11" s="140"/>
      <c r="B11" s="140" t="s">
        <v>397</v>
      </c>
      <c r="C11" s="143" t="s">
        <v>398</v>
      </c>
      <c r="D11" s="142"/>
      <c r="E11" s="142" t="s">
        <v>399</v>
      </c>
      <c r="F11" s="142" t="s">
        <v>400</v>
      </c>
      <c r="G11" s="142"/>
      <c r="H11" s="142" t="s">
        <v>401</v>
      </c>
      <c r="I11" s="142"/>
      <c r="J11" s="142"/>
      <c r="K11" s="142"/>
    </row>
    <row r="12" spans="1:11" ht="16.5">
      <c r="A12" s="140"/>
      <c r="B12" s="140" t="s">
        <v>402</v>
      </c>
      <c r="C12" s="143" t="s">
        <v>403</v>
      </c>
      <c r="D12" s="142"/>
      <c r="E12" s="142" t="s">
        <v>404</v>
      </c>
      <c r="F12" s="142" t="s">
        <v>405</v>
      </c>
      <c r="G12" s="142"/>
      <c r="H12" s="142" t="s">
        <v>406</v>
      </c>
      <c r="I12" s="142"/>
      <c r="J12" s="142"/>
      <c r="K12" s="142"/>
    </row>
    <row r="13" spans="1:11" ht="16.5">
      <c r="A13" s="140"/>
      <c r="B13" s="140" t="s">
        <v>407</v>
      </c>
      <c r="C13" s="141" t="s">
        <v>408</v>
      </c>
      <c r="D13" s="142"/>
      <c r="E13" s="142"/>
      <c r="F13" s="142" t="s">
        <v>409</v>
      </c>
      <c r="G13" s="142"/>
      <c r="H13" s="142" t="s">
        <v>410</v>
      </c>
      <c r="I13" s="142"/>
      <c r="J13" s="142"/>
      <c r="K13" s="142"/>
    </row>
    <row r="14" spans="1:11" ht="16.5">
      <c r="A14" s="140"/>
      <c r="B14" s="140" t="s">
        <v>411</v>
      </c>
      <c r="C14" s="143" t="s">
        <v>412</v>
      </c>
      <c r="D14" s="142"/>
      <c r="E14" s="142"/>
      <c r="F14" s="142"/>
      <c r="G14" s="142"/>
      <c r="H14" s="142" t="s">
        <v>413</v>
      </c>
      <c r="I14" s="142"/>
      <c r="J14" s="142"/>
      <c r="K14" s="142"/>
    </row>
    <row r="15" spans="1:11" ht="16.5">
      <c r="A15" s="140"/>
      <c r="B15" s="140" t="s">
        <v>414</v>
      </c>
      <c r="C15" s="143" t="s">
        <v>415</v>
      </c>
      <c r="D15" s="142"/>
      <c r="E15" s="142"/>
      <c r="F15" s="142"/>
      <c r="G15" s="142"/>
      <c r="H15" s="142" t="s">
        <v>416</v>
      </c>
      <c r="I15" s="142"/>
      <c r="J15" s="142"/>
      <c r="K15" s="142"/>
    </row>
    <row r="16" spans="1:11" ht="16.5">
      <c r="A16" s="144"/>
      <c r="B16" s="144"/>
      <c r="C16" s="143" t="s">
        <v>417</v>
      </c>
      <c r="D16" s="142"/>
      <c r="E16" s="142"/>
      <c r="F16" s="142"/>
      <c r="G16" s="142"/>
      <c r="H16" s="142" t="s">
        <v>418</v>
      </c>
      <c r="I16" s="142"/>
      <c r="J16" s="142"/>
      <c r="K16" s="142"/>
    </row>
    <row r="17" spans="1:11" ht="16.5">
      <c r="A17" s="144"/>
      <c r="B17" s="144"/>
      <c r="C17" s="141" t="s">
        <v>419</v>
      </c>
      <c r="D17" s="142"/>
      <c r="E17" s="142"/>
      <c r="F17" s="142"/>
      <c r="G17" s="142"/>
      <c r="H17" s="142" t="s">
        <v>420</v>
      </c>
      <c r="I17" s="142"/>
      <c r="J17" s="142"/>
      <c r="K17" s="142"/>
    </row>
    <row r="18" spans="1:11" ht="16.5">
      <c r="A18" s="144"/>
      <c r="B18" s="144"/>
      <c r="C18" s="145" t="s">
        <v>421</v>
      </c>
      <c r="D18" s="142"/>
      <c r="E18" s="142"/>
      <c r="F18" s="142"/>
      <c r="G18" s="142"/>
      <c r="H18" s="142" t="s">
        <v>422</v>
      </c>
      <c r="I18" s="142"/>
      <c r="J18" s="142"/>
      <c r="K18" s="142"/>
    </row>
    <row r="19" spans="1:11" ht="16.5">
      <c r="A19" s="144"/>
      <c r="B19" s="144"/>
      <c r="C19" s="141" t="s">
        <v>423</v>
      </c>
      <c r="D19" s="142"/>
      <c r="E19" s="142"/>
      <c r="F19" s="142"/>
      <c r="G19" s="142"/>
      <c r="H19" s="142"/>
      <c r="I19" s="142"/>
      <c r="J19" s="142"/>
      <c r="K19" s="142"/>
    </row>
    <row r="20" spans="1:11" ht="16.5">
      <c r="A20" s="144"/>
      <c r="B20" s="144"/>
      <c r="C20" s="143" t="s">
        <v>424</v>
      </c>
      <c r="D20" s="142"/>
      <c r="E20" s="142"/>
      <c r="F20" s="142"/>
      <c r="G20" s="142"/>
      <c r="H20" s="142"/>
      <c r="I20" s="142"/>
      <c r="J20" s="142"/>
      <c r="K20" s="142"/>
    </row>
    <row r="21" spans="1:11" ht="16.5">
      <c r="A21" s="144"/>
      <c r="B21" s="144"/>
      <c r="C21" s="143" t="s">
        <v>425</v>
      </c>
      <c r="D21" s="140"/>
      <c r="E21" s="142"/>
      <c r="F21" s="142"/>
      <c r="G21" s="142"/>
      <c r="H21" s="142"/>
      <c r="I21" s="142"/>
      <c r="J21" s="142"/>
      <c r="K21" s="142"/>
    </row>
    <row r="22" spans="1:11" ht="16.5">
      <c r="A22" s="144"/>
      <c r="B22" s="144"/>
      <c r="C22" s="143" t="s">
        <v>426</v>
      </c>
      <c r="D22" s="142"/>
      <c r="E22" s="142"/>
      <c r="F22" s="142"/>
      <c r="G22" s="142"/>
      <c r="H22" s="142"/>
      <c r="I22" s="142"/>
      <c r="J22" s="142"/>
      <c r="K22" s="142"/>
    </row>
    <row r="23" spans="1:11" ht="16.5">
      <c r="A23" s="144"/>
      <c r="B23" s="144"/>
      <c r="C23" s="141" t="s">
        <v>427</v>
      </c>
      <c r="D23" s="142"/>
      <c r="E23" s="142"/>
      <c r="F23" s="142"/>
      <c r="G23" s="142"/>
      <c r="H23" s="142"/>
      <c r="I23" s="142"/>
      <c r="J23" s="142"/>
      <c r="K23" s="142"/>
    </row>
    <row r="24" spans="1:11" ht="16.5">
      <c r="A24" s="144"/>
      <c r="B24" s="144"/>
      <c r="C24" s="145" t="s">
        <v>428</v>
      </c>
      <c r="D24" s="142"/>
      <c r="E24" s="142"/>
      <c r="F24" s="142"/>
      <c r="G24" s="142"/>
      <c r="H24" s="142"/>
      <c r="I24" s="142"/>
      <c r="J24" s="142"/>
      <c r="K24" s="142"/>
    </row>
    <row r="25" spans="1:11" ht="16.5">
      <c r="A25" s="144"/>
      <c r="B25" s="144"/>
      <c r="C25" s="141" t="s">
        <v>429</v>
      </c>
      <c r="D25" s="142"/>
      <c r="E25" s="142"/>
      <c r="F25" s="142"/>
      <c r="G25" s="142"/>
      <c r="H25" s="142"/>
      <c r="I25" s="142"/>
      <c r="J25" s="142"/>
      <c r="K25" s="142"/>
    </row>
    <row r="26" spans="1:11" ht="16.5">
      <c r="A26" s="144"/>
      <c r="B26" s="144"/>
      <c r="C26" s="143" t="s">
        <v>430</v>
      </c>
      <c r="D26" s="142"/>
      <c r="E26" s="142"/>
      <c r="F26" s="142"/>
      <c r="G26" s="142"/>
      <c r="H26" s="142"/>
      <c r="I26" s="142"/>
      <c r="J26" s="142"/>
      <c r="K26" s="142"/>
    </row>
    <row r="27" spans="1:11" ht="16.5">
      <c r="A27" s="144"/>
      <c r="B27" s="144"/>
      <c r="C27" s="143" t="s">
        <v>431</v>
      </c>
      <c r="D27" s="142"/>
      <c r="E27" s="142"/>
      <c r="F27" s="142"/>
      <c r="G27" s="142"/>
      <c r="H27" s="142"/>
      <c r="I27" s="142"/>
      <c r="J27" s="142"/>
      <c r="K27" s="142"/>
    </row>
    <row r="29" spans="1:11" ht="21">
      <c r="A29" s="124" t="s">
        <v>432</v>
      </c>
      <c r="B29" s="125"/>
      <c r="F29" s="127"/>
      <c r="H29" s="126"/>
      <c r="J29" s="128"/>
    </row>
    <row r="30" spans="1:11" ht="15.75">
      <c r="A30" s="146" t="s">
        <v>22</v>
      </c>
      <c r="B30" s="147" t="s">
        <v>433</v>
      </c>
      <c r="C30" s="147" t="s">
        <v>434</v>
      </c>
      <c r="D30" s="147" t="s">
        <v>435</v>
      </c>
      <c r="E30" s="147" t="s">
        <v>436</v>
      </c>
      <c r="F30" s="147" t="s">
        <v>437</v>
      </c>
      <c r="G30" s="147" t="s">
        <v>438</v>
      </c>
      <c r="H30" s="147"/>
      <c r="I30" s="147" t="s">
        <v>439</v>
      </c>
      <c r="J30" s="128"/>
    </row>
    <row r="31" spans="1:11">
      <c r="A31" s="148" t="s">
        <v>440</v>
      </c>
      <c r="B31" s="148" t="s">
        <v>441</v>
      </c>
      <c r="C31" s="148">
        <v>36</v>
      </c>
      <c r="D31" s="148">
        <v>1</v>
      </c>
      <c r="E31" s="148">
        <v>1</v>
      </c>
      <c r="F31" s="148" t="s">
        <v>442</v>
      </c>
      <c r="G31" s="148" t="s">
        <v>443</v>
      </c>
      <c r="H31" s="148" t="s">
        <v>106</v>
      </c>
      <c r="I31" s="148" t="s">
        <v>444</v>
      </c>
      <c r="J31" s="128"/>
    </row>
    <row r="32" spans="1:11">
      <c r="A32" s="148" t="s">
        <v>445</v>
      </c>
      <c r="B32" s="148" t="s">
        <v>441</v>
      </c>
      <c r="C32" s="148">
        <v>2</v>
      </c>
      <c r="D32" s="148">
        <v>4</v>
      </c>
      <c r="E32" s="148">
        <v>2</v>
      </c>
      <c r="F32" s="148" t="s">
        <v>446</v>
      </c>
      <c r="G32" s="148" t="s">
        <v>447</v>
      </c>
      <c r="H32" s="148" t="s">
        <v>106</v>
      </c>
      <c r="I32" s="148" t="s">
        <v>448</v>
      </c>
      <c r="J32" s="128"/>
    </row>
    <row r="33" spans="1:10">
      <c r="A33" s="148" t="s">
        <v>449</v>
      </c>
      <c r="B33" s="148" t="s">
        <v>441</v>
      </c>
      <c r="C33" s="148">
        <v>62</v>
      </c>
      <c r="D33" s="148">
        <v>4</v>
      </c>
      <c r="E33" s="148">
        <v>2</v>
      </c>
      <c r="F33" s="148" t="s">
        <v>442</v>
      </c>
      <c r="G33" s="148" t="s">
        <v>450</v>
      </c>
      <c r="H33" s="148" t="s">
        <v>106</v>
      </c>
      <c r="I33" s="148" t="s">
        <v>451</v>
      </c>
      <c r="J33" s="128"/>
    </row>
    <row r="34" spans="1:10">
      <c r="A34" s="126"/>
      <c r="F34" s="127"/>
      <c r="H34" s="126"/>
      <c r="J34" s="128"/>
    </row>
    <row r="35" spans="1:10" ht="45">
      <c r="A35" s="126"/>
      <c r="B35" s="149" t="s">
        <v>452</v>
      </c>
      <c r="C35" s="147" t="s">
        <v>453</v>
      </c>
      <c r="D35" s="147" t="s">
        <v>454</v>
      </c>
      <c r="E35" s="147" t="s">
        <v>455</v>
      </c>
      <c r="F35" s="150" t="s">
        <v>456</v>
      </c>
      <c r="G35" s="150" t="s">
        <v>457</v>
      </c>
      <c r="H35" s="147"/>
      <c r="I35" s="150" t="s">
        <v>458</v>
      </c>
      <c r="J35" s="128"/>
    </row>
    <row r="36" spans="1:10">
      <c r="A36" s="126"/>
      <c r="B36" s="142" t="s">
        <v>373</v>
      </c>
      <c r="C36" s="151" t="s">
        <v>459</v>
      </c>
      <c r="D36" s="152" t="s">
        <v>460</v>
      </c>
      <c r="E36" s="152" t="s">
        <v>461</v>
      </c>
      <c r="F36" s="142" t="s">
        <v>462</v>
      </c>
      <c r="G36" s="142" t="s">
        <v>463</v>
      </c>
      <c r="H36" s="142"/>
      <c r="I36" s="153" t="s">
        <v>464</v>
      </c>
      <c r="J36" s="128"/>
    </row>
    <row r="37" spans="1:10">
      <c r="A37" s="126"/>
      <c r="B37" s="142"/>
      <c r="C37" s="152" t="s">
        <v>465</v>
      </c>
      <c r="D37" s="152" t="s">
        <v>466</v>
      </c>
      <c r="E37" s="152" t="s">
        <v>467</v>
      </c>
      <c r="F37" s="142" t="s">
        <v>468</v>
      </c>
      <c r="G37" s="154" t="s">
        <v>469</v>
      </c>
      <c r="H37" s="142"/>
      <c r="I37" s="142" t="s">
        <v>470</v>
      </c>
      <c r="J37" s="128"/>
    </row>
    <row r="38" spans="1:10">
      <c r="A38" s="126"/>
      <c r="B38" s="152"/>
      <c r="C38" s="152" t="s">
        <v>471</v>
      </c>
      <c r="D38" s="152" t="s">
        <v>472</v>
      </c>
      <c r="E38" s="152" t="s">
        <v>473</v>
      </c>
      <c r="F38" s="142" t="s">
        <v>474</v>
      </c>
      <c r="G38" s="154" t="s">
        <v>475</v>
      </c>
      <c r="H38" s="142"/>
      <c r="I38" s="142" t="s">
        <v>476</v>
      </c>
      <c r="J38" s="128"/>
    </row>
    <row r="39" spans="1:10">
      <c r="A39" s="126"/>
      <c r="B39" s="152"/>
      <c r="C39" s="152" t="s">
        <v>477</v>
      </c>
      <c r="D39" s="152"/>
      <c r="E39" s="151" t="s">
        <v>478</v>
      </c>
      <c r="F39" s="142"/>
      <c r="G39" s="154" t="s">
        <v>479</v>
      </c>
      <c r="H39" s="142"/>
      <c r="I39" s="155" t="s">
        <v>480</v>
      </c>
      <c r="J39" s="128"/>
    </row>
    <row r="40" spans="1:10">
      <c r="A40" s="126"/>
      <c r="B40" s="152"/>
      <c r="C40" s="152" t="s">
        <v>481</v>
      </c>
      <c r="D40" s="152"/>
      <c r="E40" s="151" t="s">
        <v>482</v>
      </c>
      <c r="F40" s="142"/>
      <c r="G40" s="154" t="s">
        <v>483</v>
      </c>
      <c r="H40" s="142"/>
      <c r="I40" s="154" t="s">
        <v>484</v>
      </c>
      <c r="J40" s="128"/>
    </row>
    <row r="41" spans="1:10">
      <c r="A41" s="126"/>
      <c r="B41" s="152"/>
      <c r="C41" s="151" t="s">
        <v>485</v>
      </c>
      <c r="D41" s="152"/>
      <c r="E41" s="151" t="s">
        <v>486</v>
      </c>
      <c r="F41" s="142"/>
      <c r="G41" s="142" t="s">
        <v>487</v>
      </c>
      <c r="H41" s="142"/>
      <c r="I41" s="154" t="s">
        <v>488</v>
      </c>
      <c r="J41" s="128"/>
    </row>
    <row r="42" spans="1:10">
      <c r="A42" s="126"/>
      <c r="B42" s="152"/>
      <c r="C42" s="151" t="s">
        <v>489</v>
      </c>
      <c r="D42" s="152"/>
      <c r="E42" s="152" t="s">
        <v>490</v>
      </c>
      <c r="F42" s="142"/>
      <c r="G42" s="142" t="s">
        <v>491</v>
      </c>
      <c r="H42" s="142"/>
      <c r="I42" s="142" t="s">
        <v>492</v>
      </c>
      <c r="J42" s="128"/>
    </row>
    <row r="43" spans="1:10">
      <c r="A43" s="126"/>
      <c r="B43" s="152"/>
      <c r="C43" s="151" t="s">
        <v>493</v>
      </c>
      <c r="D43" s="152"/>
      <c r="E43" s="151" t="s">
        <v>494</v>
      </c>
      <c r="F43" s="142"/>
      <c r="G43" s="142" t="s">
        <v>495</v>
      </c>
      <c r="H43" s="142"/>
      <c r="I43" s="142" t="s">
        <v>496</v>
      </c>
      <c r="J43" s="128"/>
    </row>
    <row r="44" spans="1:10">
      <c r="A44" s="126"/>
      <c r="B44" s="152"/>
      <c r="C44" s="151" t="s">
        <v>497</v>
      </c>
      <c r="D44" s="152"/>
      <c r="E44" s="152"/>
      <c r="F44" s="142"/>
      <c r="G44" s="142" t="s">
        <v>498</v>
      </c>
      <c r="H44" s="142"/>
      <c r="I44" s="155" t="s">
        <v>499</v>
      </c>
      <c r="J44" s="128"/>
    </row>
    <row r="45" spans="1:10">
      <c r="A45" s="126"/>
      <c r="B45" s="152"/>
      <c r="C45" s="151" t="s">
        <v>500</v>
      </c>
      <c r="D45" s="152"/>
      <c r="E45" s="152"/>
      <c r="F45" s="142"/>
      <c r="G45" s="154" t="s">
        <v>501</v>
      </c>
      <c r="H45" s="142"/>
      <c r="I45" s="142"/>
      <c r="J45" s="128"/>
    </row>
    <row r="46" spans="1:10">
      <c r="A46" s="126"/>
      <c r="B46" s="152"/>
      <c r="C46" s="152" t="s">
        <v>502</v>
      </c>
      <c r="D46" s="152"/>
      <c r="E46" s="152"/>
      <c r="F46" s="142"/>
      <c r="G46" s="154" t="s">
        <v>503</v>
      </c>
      <c r="H46" s="142"/>
      <c r="I46" s="153" t="s">
        <v>504</v>
      </c>
      <c r="J46" s="128"/>
    </row>
    <row r="47" spans="1:10">
      <c r="A47" s="126"/>
      <c r="B47" s="152"/>
      <c r="C47" s="151" t="s">
        <v>505</v>
      </c>
      <c r="D47" s="152"/>
      <c r="E47" s="152"/>
      <c r="F47" s="142"/>
      <c r="G47" s="154" t="s">
        <v>506</v>
      </c>
      <c r="H47" s="142"/>
      <c r="I47" s="142" t="s">
        <v>507</v>
      </c>
      <c r="J47" s="128"/>
    </row>
    <row r="48" spans="1:10">
      <c r="A48" s="156"/>
      <c r="B48" s="152"/>
      <c r="C48" s="151" t="s">
        <v>508</v>
      </c>
      <c r="D48" s="152"/>
      <c r="E48" s="152"/>
      <c r="F48" s="142"/>
      <c r="G48" s="142" t="s">
        <v>509</v>
      </c>
      <c r="H48" s="142"/>
      <c r="I48" s="142" t="s">
        <v>510</v>
      </c>
      <c r="J48" s="128"/>
    </row>
    <row r="49" spans="1:10">
      <c r="A49" s="126"/>
      <c r="B49" s="152"/>
      <c r="C49" s="151" t="s">
        <v>511</v>
      </c>
      <c r="D49" s="152"/>
      <c r="E49" s="152"/>
      <c r="F49" s="142"/>
      <c r="G49" s="142"/>
      <c r="H49" s="142"/>
      <c r="I49" s="142" t="s">
        <v>512</v>
      </c>
      <c r="J49" s="128"/>
    </row>
    <row r="50" spans="1:10">
      <c r="A50" s="156"/>
      <c r="B50" s="152"/>
      <c r="C50" s="152" t="s">
        <v>513</v>
      </c>
      <c r="D50" s="152"/>
      <c r="E50" s="152"/>
      <c r="F50" s="142"/>
      <c r="G50" s="142"/>
      <c r="H50" s="142"/>
      <c r="I50" s="154" t="s">
        <v>514</v>
      </c>
      <c r="J50" s="128"/>
    </row>
    <row r="51" spans="1:10">
      <c r="A51" s="156"/>
      <c r="B51" s="152"/>
      <c r="C51" s="151" t="s">
        <v>515</v>
      </c>
      <c r="D51" s="152"/>
      <c r="E51" s="152"/>
      <c r="F51" s="142"/>
      <c r="G51" s="142"/>
      <c r="H51" s="142"/>
      <c r="I51" s="154" t="s">
        <v>516</v>
      </c>
      <c r="J51" s="128"/>
    </row>
    <row r="52" spans="1:10">
      <c r="A52" s="156"/>
      <c r="B52" s="152"/>
      <c r="C52" s="152" t="s">
        <v>517</v>
      </c>
      <c r="D52" s="152"/>
      <c r="E52" s="152"/>
      <c r="F52" s="142"/>
      <c r="G52" s="142"/>
      <c r="H52" s="142"/>
      <c r="I52" s="154" t="s">
        <v>518</v>
      </c>
      <c r="J52" s="128"/>
    </row>
    <row r="53" spans="1:10">
      <c r="A53" s="126"/>
      <c r="B53" s="152"/>
      <c r="C53" s="151" t="s">
        <v>519</v>
      </c>
      <c r="D53" s="152"/>
      <c r="E53" s="152"/>
      <c r="F53" s="142"/>
      <c r="G53" s="142"/>
      <c r="H53" s="142"/>
      <c r="I53" s="157"/>
      <c r="J53" s="128"/>
    </row>
    <row r="54" spans="1:10">
      <c r="A54" s="126"/>
      <c r="B54" s="152"/>
      <c r="C54" s="151" t="s">
        <v>520</v>
      </c>
      <c r="D54" s="152"/>
      <c r="E54" s="152"/>
      <c r="F54" s="142"/>
      <c r="G54" s="142"/>
      <c r="H54" s="142"/>
      <c r="I54" s="153" t="s">
        <v>521</v>
      </c>
      <c r="J54" s="128"/>
    </row>
    <row r="55" spans="1:10" ht="15" customHeight="1">
      <c r="A55" s="126"/>
      <c r="B55" s="152"/>
      <c r="C55" s="152" t="s">
        <v>522</v>
      </c>
      <c r="D55" s="152"/>
      <c r="E55" s="152"/>
      <c r="F55" s="142"/>
      <c r="G55" s="142"/>
      <c r="H55" s="142"/>
      <c r="I55" s="142" t="s">
        <v>523</v>
      </c>
      <c r="J55" s="128"/>
    </row>
    <row r="56" spans="1:10">
      <c r="A56" s="126"/>
      <c r="B56" s="152"/>
      <c r="C56" s="152" t="s">
        <v>524</v>
      </c>
      <c r="D56" s="152"/>
      <c r="E56" s="152"/>
      <c r="F56" s="142"/>
      <c r="G56" s="142"/>
      <c r="H56" s="142"/>
      <c r="I56" s="154" t="s">
        <v>525</v>
      </c>
      <c r="J56" s="128"/>
    </row>
    <row r="57" spans="1:10">
      <c r="A57" s="126"/>
      <c r="B57" s="152"/>
      <c r="C57" s="151" t="s">
        <v>526</v>
      </c>
      <c r="D57" s="152"/>
      <c r="E57" s="152"/>
      <c r="F57" s="142"/>
      <c r="G57" s="142"/>
      <c r="H57" s="142"/>
      <c r="I57" s="142" t="s">
        <v>527</v>
      </c>
      <c r="J57" s="128"/>
    </row>
    <row r="58" spans="1:10">
      <c r="A58" s="126"/>
      <c r="B58" s="152"/>
      <c r="C58" s="151" t="s">
        <v>528</v>
      </c>
      <c r="D58" s="152"/>
      <c r="E58" s="152"/>
      <c r="F58" s="142"/>
      <c r="G58" s="142"/>
      <c r="H58" s="142"/>
      <c r="I58" s="154"/>
      <c r="J58" s="128"/>
    </row>
    <row r="59" spans="1:10">
      <c r="A59" s="126"/>
      <c r="B59" s="152"/>
      <c r="C59" s="151" t="s">
        <v>529</v>
      </c>
      <c r="D59" s="152"/>
      <c r="E59" s="152"/>
      <c r="F59" s="142"/>
      <c r="G59" s="142"/>
      <c r="H59" s="142"/>
      <c r="I59" s="153" t="s">
        <v>530</v>
      </c>
      <c r="J59" s="128"/>
    </row>
    <row r="60" spans="1:10">
      <c r="A60" s="126"/>
      <c r="B60" s="152"/>
      <c r="C60" s="152" t="s">
        <v>531</v>
      </c>
      <c r="D60" s="152"/>
      <c r="E60" s="152"/>
      <c r="F60" s="142"/>
      <c r="G60" s="142"/>
      <c r="H60" s="142"/>
      <c r="I60" s="142" t="s">
        <v>532</v>
      </c>
      <c r="J60" s="128"/>
    </row>
    <row r="61" spans="1:10">
      <c r="A61" s="126"/>
      <c r="B61" s="152"/>
      <c r="C61" s="151" t="s">
        <v>533</v>
      </c>
      <c r="D61" s="152"/>
      <c r="E61" s="152"/>
      <c r="F61" s="158"/>
      <c r="G61" s="158"/>
      <c r="H61" s="152"/>
      <c r="I61" s="152" t="s">
        <v>534</v>
      </c>
      <c r="J61" s="128"/>
    </row>
    <row r="62" spans="1:10" ht="135">
      <c r="A62" s="126"/>
      <c r="B62" s="152"/>
      <c r="C62" s="152" t="s">
        <v>535</v>
      </c>
      <c r="D62" s="152"/>
      <c r="E62" s="152"/>
      <c r="F62" s="158"/>
      <c r="G62" s="158"/>
      <c r="H62" s="152"/>
      <c r="I62" s="157" t="s">
        <v>536</v>
      </c>
      <c r="J62" s="128"/>
    </row>
    <row r="63" spans="1:10">
      <c r="A63" s="126"/>
      <c r="B63" s="152"/>
      <c r="C63" s="151" t="s">
        <v>537</v>
      </c>
      <c r="D63" s="152"/>
      <c r="E63" s="152"/>
      <c r="F63" s="158"/>
      <c r="G63" s="158"/>
      <c r="H63" s="152"/>
      <c r="I63" s="154"/>
      <c r="J63" s="128"/>
    </row>
    <row r="64" spans="1:10">
      <c r="A64" s="126"/>
      <c r="B64" s="152"/>
      <c r="C64" s="151" t="s">
        <v>538</v>
      </c>
      <c r="D64" s="152"/>
      <c r="E64" s="152"/>
      <c r="F64" s="158"/>
      <c r="G64" s="158"/>
      <c r="H64" s="152"/>
      <c r="I64" s="153" t="s">
        <v>539</v>
      </c>
      <c r="J64" s="128"/>
    </row>
    <row r="65" spans="1:10" ht="14.45" customHeight="1">
      <c r="A65" s="126"/>
      <c r="B65" s="152"/>
      <c r="C65" s="151"/>
      <c r="D65" s="152"/>
      <c r="E65" s="152"/>
      <c r="F65" s="158"/>
      <c r="G65" s="158"/>
      <c r="H65" s="152"/>
      <c r="I65" s="159" t="s">
        <v>540</v>
      </c>
      <c r="J65" s="128"/>
    </row>
    <row r="66" spans="1:10">
      <c r="A66" s="126"/>
      <c r="B66" s="152"/>
      <c r="C66" s="151"/>
      <c r="D66" s="152"/>
      <c r="E66" s="152"/>
      <c r="F66" s="158"/>
      <c r="G66" s="158"/>
      <c r="H66" s="152"/>
      <c r="I66" s="159"/>
      <c r="J66" s="128"/>
    </row>
    <row r="67" spans="1:10">
      <c r="A67" s="126"/>
      <c r="F67" s="127"/>
      <c r="H67" s="126"/>
      <c r="I67" s="160"/>
      <c r="J67" s="128"/>
    </row>
    <row r="68" spans="1:10" ht="21">
      <c r="A68" s="124" t="s">
        <v>541</v>
      </c>
      <c r="B68" s="161"/>
      <c r="C68" s="161"/>
      <c r="D68" s="161"/>
      <c r="E68" s="161"/>
      <c r="F68" s="161"/>
      <c r="G68" s="161"/>
      <c r="H68" s="161"/>
      <c r="I68" s="160"/>
      <c r="J68" s="128"/>
    </row>
    <row r="69" spans="1:10" ht="15.75">
      <c r="A69" s="146" t="s">
        <v>22</v>
      </c>
      <c r="B69" s="147" t="s">
        <v>433</v>
      </c>
      <c r="C69" s="147" t="s">
        <v>434</v>
      </c>
      <c r="D69" s="147" t="s">
        <v>435</v>
      </c>
      <c r="E69" s="147"/>
      <c r="F69" s="147" t="s">
        <v>436</v>
      </c>
      <c r="G69" s="147" t="s">
        <v>437</v>
      </c>
      <c r="H69" s="147" t="s">
        <v>438</v>
      </c>
      <c r="J69" s="128"/>
    </row>
    <row r="70" spans="1:10">
      <c r="A70" s="148" t="s">
        <v>542</v>
      </c>
      <c r="B70" s="148" t="s">
        <v>4</v>
      </c>
      <c r="C70" s="162">
        <v>3</v>
      </c>
      <c r="D70" s="148" t="s">
        <v>543</v>
      </c>
      <c r="E70" s="148" t="s">
        <v>106</v>
      </c>
      <c r="F70" s="148" t="s">
        <v>544</v>
      </c>
      <c r="G70" s="148" t="s">
        <v>450</v>
      </c>
      <c r="H70" s="148" t="s">
        <v>545</v>
      </c>
      <c r="J70" s="128"/>
    </row>
    <row r="71" spans="1:10">
      <c r="A71" s="148" t="s">
        <v>546</v>
      </c>
      <c r="B71" s="148" t="s">
        <v>4</v>
      </c>
      <c r="C71" s="162">
        <v>3</v>
      </c>
      <c r="D71" s="148" t="s">
        <v>547</v>
      </c>
      <c r="E71" s="148" t="s">
        <v>106</v>
      </c>
      <c r="F71" s="148" t="s">
        <v>548</v>
      </c>
      <c r="G71" s="148" t="s">
        <v>446</v>
      </c>
      <c r="H71" s="148" t="s">
        <v>549</v>
      </c>
      <c r="J71" s="128"/>
    </row>
    <row r="72" spans="1:10">
      <c r="A72" s="126"/>
      <c r="J72" s="128"/>
    </row>
    <row r="73" spans="1:10" ht="30">
      <c r="A73" s="126"/>
      <c r="B73" s="150" t="s">
        <v>452</v>
      </c>
      <c r="C73" s="150" t="s">
        <v>550</v>
      </c>
      <c r="D73" s="150" t="s">
        <v>551</v>
      </c>
      <c r="E73" s="147"/>
      <c r="F73" s="150" t="s">
        <v>552</v>
      </c>
      <c r="G73" s="150" t="s">
        <v>553</v>
      </c>
      <c r="H73" s="150" t="s">
        <v>554</v>
      </c>
      <c r="J73" s="128"/>
    </row>
    <row r="74" spans="1:10">
      <c r="A74" s="126"/>
      <c r="B74" s="142" t="s">
        <v>555</v>
      </c>
      <c r="C74" s="152" t="s">
        <v>556</v>
      </c>
      <c r="D74" s="152" t="s">
        <v>557</v>
      </c>
      <c r="E74" s="142"/>
      <c r="F74" s="152" t="s">
        <v>558</v>
      </c>
      <c r="G74" s="142" t="s">
        <v>559</v>
      </c>
      <c r="H74" s="142" t="s">
        <v>560</v>
      </c>
      <c r="J74" s="128"/>
    </row>
    <row r="75" spans="1:10">
      <c r="A75" s="126"/>
      <c r="B75" s="142"/>
      <c r="C75" s="152" t="s">
        <v>561</v>
      </c>
      <c r="D75" s="152" t="s">
        <v>562</v>
      </c>
      <c r="E75" s="142"/>
      <c r="F75" s="152" t="s">
        <v>563</v>
      </c>
      <c r="G75" s="142" t="s">
        <v>564</v>
      </c>
      <c r="H75" s="142" t="s">
        <v>565</v>
      </c>
      <c r="J75" s="128"/>
    </row>
    <row r="76" spans="1:10">
      <c r="B76" s="152"/>
      <c r="C76" s="152" t="s">
        <v>566</v>
      </c>
      <c r="D76" s="152" t="s">
        <v>567</v>
      </c>
      <c r="E76" s="142"/>
      <c r="F76" s="152" t="s">
        <v>568</v>
      </c>
      <c r="G76" s="142"/>
      <c r="H76" s="142"/>
      <c r="I76" s="128"/>
      <c r="J76" s="128"/>
    </row>
    <row r="77" spans="1:10">
      <c r="B77" s="152"/>
      <c r="C77" s="152"/>
      <c r="D77" s="152" t="s">
        <v>569</v>
      </c>
      <c r="E77" s="142"/>
      <c r="F77" s="152" t="s">
        <v>570</v>
      </c>
      <c r="G77" s="142"/>
      <c r="H77" s="142"/>
      <c r="I77" s="128"/>
      <c r="J77" s="128"/>
    </row>
    <row r="78" spans="1:10">
      <c r="B78" s="152"/>
      <c r="C78" s="152"/>
      <c r="D78" s="152" t="s">
        <v>571</v>
      </c>
      <c r="E78" s="142"/>
      <c r="F78" s="152" t="s">
        <v>572</v>
      </c>
      <c r="G78" s="142"/>
      <c r="H78" s="142"/>
      <c r="I78" s="128"/>
      <c r="J78" s="128"/>
    </row>
    <row r="79" spans="1:10">
      <c r="B79" s="152"/>
      <c r="C79" s="152"/>
      <c r="D79" s="152"/>
      <c r="E79" s="142"/>
      <c r="F79" s="152" t="s">
        <v>573</v>
      </c>
      <c r="G79" s="148"/>
      <c r="H79" s="142"/>
      <c r="I79" s="128"/>
      <c r="J79" s="128"/>
    </row>
    <row r="80" spans="1:10">
      <c r="B80" s="152"/>
      <c r="C80" s="152"/>
      <c r="D80" s="152"/>
      <c r="E80" s="142"/>
      <c r="F80" s="152" t="s">
        <v>574</v>
      </c>
      <c r="G80" s="142"/>
      <c r="H80" s="142"/>
      <c r="I80" s="128"/>
      <c r="J80" s="128"/>
    </row>
    <row r="81" spans="1:10">
      <c r="B81" s="152"/>
      <c r="C81" s="152"/>
      <c r="D81" s="152"/>
      <c r="E81" s="142"/>
      <c r="F81" s="152" t="s">
        <v>575</v>
      </c>
      <c r="G81" s="142"/>
      <c r="H81" s="142"/>
      <c r="I81" s="128"/>
      <c r="J81" s="128"/>
    </row>
    <row r="82" spans="1:10">
      <c r="B82" s="152"/>
      <c r="C82" s="152"/>
      <c r="D82" s="152"/>
      <c r="E82" s="142"/>
      <c r="F82" s="152"/>
      <c r="G82" s="142"/>
      <c r="H82" s="142"/>
      <c r="I82" s="128"/>
      <c r="J82" s="128"/>
    </row>
    <row r="83" spans="1:10">
      <c r="B83" s="152"/>
      <c r="C83" s="152"/>
      <c r="D83" s="152"/>
      <c r="E83" s="142"/>
      <c r="F83" s="152"/>
      <c r="G83" s="142"/>
      <c r="H83" s="142"/>
      <c r="I83" s="128"/>
      <c r="J83" s="128"/>
    </row>
    <row r="84" spans="1:10">
      <c r="B84" s="152"/>
      <c r="C84" s="152"/>
      <c r="D84" s="152"/>
      <c r="E84" s="142"/>
      <c r="F84" s="152"/>
      <c r="G84" s="142"/>
      <c r="H84" s="142"/>
      <c r="I84" s="128"/>
      <c r="J84" s="128"/>
    </row>
    <row r="85" spans="1:10">
      <c r="A85" s="126"/>
      <c r="F85" s="127"/>
      <c r="H85" s="126"/>
      <c r="J85" s="128"/>
    </row>
    <row r="86" spans="1:10">
      <c r="A86" s="126"/>
      <c r="F86" s="127"/>
      <c r="H86" s="126"/>
      <c r="J86" s="128"/>
    </row>
    <row r="87" spans="1:10">
      <c r="A87" s="163" t="s">
        <v>576</v>
      </c>
      <c r="F87" s="127"/>
      <c r="H87" s="126"/>
      <c r="J87" s="128"/>
    </row>
    <row r="88" spans="1:10" ht="15.75">
      <c r="A88" s="164" t="s">
        <v>351</v>
      </c>
      <c r="B88" s="164" t="s">
        <v>577</v>
      </c>
      <c r="C88" s="164" t="s">
        <v>578</v>
      </c>
      <c r="D88" s="164" t="s">
        <v>579</v>
      </c>
      <c r="E88" s="164" t="s">
        <v>580</v>
      </c>
      <c r="F88" s="164" t="s">
        <v>581</v>
      </c>
      <c r="G88" s="164" t="s">
        <v>582</v>
      </c>
      <c r="H88" s="164"/>
      <c r="I88" s="164" t="s">
        <v>583</v>
      </c>
      <c r="J88" s="128"/>
    </row>
    <row r="89" spans="1:10">
      <c r="A89" s="165" t="s">
        <v>584</v>
      </c>
      <c r="B89" s="165" t="s">
        <v>585</v>
      </c>
      <c r="C89" s="165" t="s">
        <v>586</v>
      </c>
      <c r="D89" s="165" t="s">
        <v>587</v>
      </c>
      <c r="E89" s="165" t="s">
        <v>588</v>
      </c>
      <c r="F89" s="165" t="s">
        <v>589</v>
      </c>
      <c r="G89" s="165"/>
      <c r="H89" s="165" t="s">
        <v>590</v>
      </c>
      <c r="I89" s="165"/>
      <c r="J89" s="128"/>
    </row>
    <row r="90" spans="1:10">
      <c r="A90" s="165" t="s">
        <v>591</v>
      </c>
      <c r="B90" s="165" t="s">
        <v>585</v>
      </c>
      <c r="C90" s="166" t="s">
        <v>592</v>
      </c>
      <c r="D90" s="166" t="s">
        <v>593</v>
      </c>
      <c r="E90" s="166" t="s">
        <v>594</v>
      </c>
      <c r="F90" s="166" t="s">
        <v>593</v>
      </c>
      <c r="G90" s="165" t="s">
        <v>595</v>
      </c>
      <c r="H90" s="165" t="s">
        <v>590</v>
      </c>
      <c r="I90" s="165"/>
      <c r="J90" s="128"/>
    </row>
    <row r="91" spans="1:10">
      <c r="A91" s="165" t="s">
        <v>596</v>
      </c>
      <c r="B91" s="165" t="s">
        <v>585</v>
      </c>
      <c r="C91" s="165" t="s">
        <v>597</v>
      </c>
      <c r="D91" s="165" t="s">
        <v>587</v>
      </c>
      <c r="E91" s="165" t="s">
        <v>598</v>
      </c>
      <c r="F91" s="165" t="s">
        <v>589</v>
      </c>
      <c r="G91" s="165" t="s">
        <v>599</v>
      </c>
      <c r="H91" s="165" t="s">
        <v>590</v>
      </c>
      <c r="I91" s="165" t="s">
        <v>600</v>
      </c>
      <c r="J91" s="128"/>
    </row>
    <row r="92" spans="1:10">
      <c r="A92" s="167"/>
      <c r="B92" s="167"/>
      <c r="C92" s="167"/>
      <c r="D92" s="167"/>
      <c r="E92" s="167"/>
      <c r="F92" s="168"/>
      <c r="G92" s="168"/>
      <c r="H92" s="167"/>
      <c r="I92" s="167"/>
      <c r="J92" s="128"/>
    </row>
    <row r="93" spans="1:10" ht="45">
      <c r="A93" s="167"/>
      <c r="B93" s="164" t="s">
        <v>601</v>
      </c>
      <c r="C93" s="169" t="s">
        <v>602</v>
      </c>
      <c r="D93" s="169" t="s">
        <v>603</v>
      </c>
      <c r="E93" s="169" t="s">
        <v>604</v>
      </c>
      <c r="F93" s="169" t="s">
        <v>605</v>
      </c>
      <c r="G93" s="169" t="s">
        <v>606</v>
      </c>
      <c r="H93" s="164"/>
      <c r="I93" s="169" t="s">
        <v>607</v>
      </c>
      <c r="J93" s="128"/>
    </row>
    <row r="94" spans="1:10">
      <c r="A94" s="167"/>
      <c r="B94" s="170" t="s">
        <v>608</v>
      </c>
      <c r="C94" s="171" t="s">
        <v>609</v>
      </c>
      <c r="D94" s="171" t="s">
        <v>610</v>
      </c>
      <c r="E94" s="171" t="s">
        <v>611</v>
      </c>
      <c r="F94" s="170" t="s">
        <v>612</v>
      </c>
      <c r="G94" s="170" t="s">
        <v>613</v>
      </c>
      <c r="H94" s="170"/>
      <c r="I94" s="170" t="s">
        <v>614</v>
      </c>
      <c r="J94" s="128"/>
    </row>
    <row r="95" spans="1:10">
      <c r="A95" s="167"/>
      <c r="B95" s="170"/>
      <c r="C95" s="171" t="s">
        <v>615</v>
      </c>
      <c r="D95" s="171" t="s">
        <v>616</v>
      </c>
      <c r="E95" s="171" t="s">
        <v>617</v>
      </c>
      <c r="F95" s="170" t="s">
        <v>618</v>
      </c>
      <c r="G95" s="170" t="s">
        <v>619</v>
      </c>
      <c r="H95" s="170"/>
      <c r="I95" s="170"/>
      <c r="J95" s="128"/>
    </row>
    <row r="96" spans="1:10">
      <c r="A96" s="167"/>
      <c r="B96" s="171"/>
      <c r="C96" s="171" t="s">
        <v>620</v>
      </c>
      <c r="D96" s="171" t="s">
        <v>621</v>
      </c>
      <c r="E96" s="171" t="s">
        <v>622</v>
      </c>
      <c r="F96" s="170" t="s">
        <v>623</v>
      </c>
      <c r="G96" s="170" t="s">
        <v>624</v>
      </c>
      <c r="H96" s="170"/>
      <c r="I96" s="170"/>
      <c r="J96" s="128"/>
    </row>
    <row r="97" spans="1:10">
      <c r="A97" s="167"/>
      <c r="B97" s="171"/>
      <c r="C97" s="171"/>
      <c r="D97" s="171"/>
      <c r="E97" s="171" t="s">
        <v>625</v>
      </c>
      <c r="F97" s="170" t="s">
        <v>626</v>
      </c>
      <c r="G97" s="170" t="s">
        <v>627</v>
      </c>
      <c r="H97" s="170"/>
      <c r="I97" s="170"/>
      <c r="J97" s="128"/>
    </row>
    <row r="98" spans="1:10">
      <c r="A98" s="167"/>
      <c r="B98" s="171"/>
      <c r="C98" s="171"/>
      <c r="D98" s="171"/>
      <c r="E98" s="171" t="s">
        <v>628</v>
      </c>
      <c r="F98" s="170"/>
      <c r="G98" s="170"/>
      <c r="H98" s="170"/>
      <c r="I98" s="170"/>
      <c r="J98" s="128"/>
    </row>
    <row r="99" spans="1:10">
      <c r="A99" s="167"/>
      <c r="B99" s="171"/>
      <c r="C99" s="171"/>
      <c r="D99" s="172"/>
      <c r="E99" s="171" t="s">
        <v>629</v>
      </c>
      <c r="F99" s="170"/>
      <c r="G99" s="170"/>
      <c r="H99" s="170"/>
      <c r="I99" s="170"/>
      <c r="J99" s="128"/>
    </row>
    <row r="100" spans="1:10">
      <c r="A100" s="167"/>
      <c r="B100" s="171"/>
      <c r="C100" s="171"/>
      <c r="D100" s="171"/>
      <c r="E100" s="171" t="s">
        <v>630</v>
      </c>
      <c r="F100" s="170"/>
      <c r="G100" s="170"/>
      <c r="H100" s="170"/>
      <c r="I100" s="170"/>
      <c r="J100" s="128"/>
    </row>
    <row r="101" spans="1:10">
      <c r="A101" s="167"/>
      <c r="B101" s="171"/>
      <c r="C101" s="171"/>
      <c r="D101" s="171"/>
      <c r="E101" s="171" t="s">
        <v>631</v>
      </c>
      <c r="F101" s="170"/>
      <c r="G101" s="170"/>
      <c r="H101" s="170"/>
      <c r="I101" s="173"/>
      <c r="J101" s="128"/>
    </row>
    <row r="102" spans="1:10">
      <c r="A102" s="167"/>
      <c r="B102" s="171"/>
      <c r="C102" s="171"/>
      <c r="D102" s="171"/>
      <c r="E102" s="171" t="s">
        <v>632</v>
      </c>
      <c r="F102" s="170"/>
      <c r="G102" s="170"/>
      <c r="H102" s="170"/>
      <c r="I102" s="170"/>
      <c r="J102" s="128"/>
    </row>
    <row r="103" spans="1:10">
      <c r="A103" s="167"/>
      <c r="B103" s="171"/>
      <c r="C103" s="171"/>
      <c r="D103" s="171"/>
      <c r="E103" s="171" t="s">
        <v>633</v>
      </c>
      <c r="F103" s="170"/>
      <c r="G103" s="170"/>
      <c r="H103" s="170"/>
      <c r="I103" s="170"/>
      <c r="J103" s="128"/>
    </row>
    <row r="104" spans="1:10">
      <c r="A104" s="167"/>
      <c r="B104" s="171"/>
      <c r="C104" s="171"/>
      <c r="D104" s="171"/>
      <c r="E104" s="171" t="s">
        <v>634</v>
      </c>
      <c r="F104" s="170"/>
      <c r="G104" s="170"/>
      <c r="H104" s="170"/>
      <c r="I104" s="170"/>
      <c r="J104" s="128"/>
    </row>
    <row r="105" spans="1:10">
      <c r="A105" s="167"/>
      <c r="B105" s="171"/>
      <c r="C105" s="171"/>
      <c r="D105" s="171"/>
      <c r="E105" s="171" t="s">
        <v>635</v>
      </c>
      <c r="F105" s="170"/>
      <c r="G105" s="170"/>
      <c r="H105" s="170"/>
      <c r="I105" s="170"/>
      <c r="J105" s="128"/>
    </row>
    <row r="106" spans="1:10">
      <c r="A106" s="167"/>
      <c r="B106" s="171"/>
      <c r="C106" s="171"/>
      <c r="D106" s="171"/>
      <c r="E106" s="171" t="s">
        <v>636</v>
      </c>
      <c r="F106" s="170"/>
      <c r="G106" s="170"/>
      <c r="H106" s="170"/>
      <c r="I106" s="173"/>
      <c r="J106" s="128"/>
    </row>
    <row r="107" spans="1:10">
      <c r="A107" s="167"/>
      <c r="B107" s="171"/>
      <c r="C107" s="171"/>
      <c r="D107" s="171"/>
      <c r="E107" s="171"/>
      <c r="F107" s="170"/>
      <c r="G107" s="170"/>
      <c r="H107" s="170"/>
      <c r="I107" s="170"/>
      <c r="J107" s="128"/>
    </row>
    <row r="108" spans="1:10">
      <c r="A108" s="167"/>
      <c r="B108" s="171"/>
      <c r="C108" s="171"/>
      <c r="D108" s="171"/>
      <c r="E108" s="171"/>
      <c r="F108" s="170"/>
      <c r="G108" s="170"/>
      <c r="H108" s="170"/>
      <c r="I108" s="170"/>
      <c r="J108" s="128"/>
    </row>
    <row r="109" spans="1:10">
      <c r="A109"/>
      <c r="B109"/>
      <c r="C109"/>
      <c r="D109"/>
      <c r="E109"/>
      <c r="F109"/>
      <c r="G109"/>
      <c r="H109"/>
      <c r="I109"/>
      <c r="J109" s="128"/>
    </row>
    <row r="110" spans="1:10" ht="15.75">
      <c r="A110" s="164" t="s">
        <v>351</v>
      </c>
      <c r="B110" s="164" t="s">
        <v>577</v>
      </c>
      <c r="C110" s="164" t="s">
        <v>578</v>
      </c>
      <c r="D110" s="164" t="s">
        <v>579</v>
      </c>
      <c r="E110" s="164" t="s">
        <v>580</v>
      </c>
      <c r="F110" s="164" t="s">
        <v>581</v>
      </c>
      <c r="G110" s="164" t="s">
        <v>582</v>
      </c>
      <c r="H110" s="164"/>
      <c r="I110" s="164" t="s">
        <v>583</v>
      </c>
      <c r="J110" s="128"/>
    </row>
    <row r="111" spans="1:10">
      <c r="A111" s="165" t="s">
        <v>637</v>
      </c>
      <c r="B111" s="165" t="s">
        <v>638</v>
      </c>
      <c r="C111" s="165" t="s">
        <v>639</v>
      </c>
      <c r="D111" s="165" t="s">
        <v>639</v>
      </c>
      <c r="E111" s="165" t="s">
        <v>640</v>
      </c>
      <c r="F111" s="165"/>
      <c r="G111" s="165"/>
      <c r="H111" s="165" t="s">
        <v>590</v>
      </c>
      <c r="I111" s="165"/>
      <c r="J111" s="128"/>
    </row>
    <row r="112" spans="1:10">
      <c r="A112" s="165" t="s">
        <v>641</v>
      </c>
      <c r="B112" s="165" t="s">
        <v>638</v>
      </c>
      <c r="C112" s="165" t="s">
        <v>639</v>
      </c>
      <c r="D112" s="165" t="s">
        <v>586</v>
      </c>
      <c r="E112" s="165" t="s">
        <v>642</v>
      </c>
      <c r="F112" s="165"/>
      <c r="G112" s="165"/>
      <c r="H112" s="165" t="s">
        <v>590</v>
      </c>
      <c r="I112" s="165"/>
      <c r="J112" s="128"/>
    </row>
    <row r="113" spans="1:11">
      <c r="A113" s="165" t="s">
        <v>643</v>
      </c>
      <c r="B113" s="165" t="s">
        <v>644</v>
      </c>
      <c r="C113" s="165" t="s">
        <v>645</v>
      </c>
      <c r="D113" s="165" t="s">
        <v>646</v>
      </c>
      <c r="E113" s="165" t="s">
        <v>647</v>
      </c>
      <c r="F113" s="165" t="s">
        <v>648</v>
      </c>
      <c r="G113" s="165"/>
      <c r="H113" s="165"/>
      <c r="I113" s="165"/>
      <c r="J113" s="128"/>
    </row>
    <row r="114" spans="1:11">
      <c r="A114" s="165" t="s">
        <v>649</v>
      </c>
      <c r="B114" s="165" t="s">
        <v>650</v>
      </c>
      <c r="C114" s="165" t="s">
        <v>645</v>
      </c>
      <c r="D114" s="165" t="s">
        <v>651</v>
      </c>
      <c r="E114" s="165" t="s">
        <v>652</v>
      </c>
      <c r="F114" s="165" t="s">
        <v>653</v>
      </c>
      <c r="G114" s="165"/>
      <c r="H114" s="165" t="s">
        <v>590</v>
      </c>
      <c r="I114" s="165"/>
      <c r="J114" s="128"/>
    </row>
    <row r="115" spans="1:11">
      <c r="A115" s="167"/>
      <c r="B115" s="167"/>
      <c r="C115" s="167"/>
      <c r="D115" s="167"/>
      <c r="E115" s="167"/>
      <c r="F115" s="168"/>
      <c r="G115" s="168"/>
      <c r="H115" s="167"/>
      <c r="I115" s="167"/>
      <c r="J115" s="128"/>
    </row>
    <row r="116" spans="1:11" ht="45">
      <c r="A116" s="167"/>
      <c r="B116" s="164" t="s">
        <v>601</v>
      </c>
      <c r="C116" s="169" t="s">
        <v>654</v>
      </c>
      <c r="D116" s="174" t="s">
        <v>655</v>
      </c>
      <c r="E116" s="169" t="s">
        <v>656</v>
      </c>
      <c r="F116" s="169" t="s">
        <v>657</v>
      </c>
      <c r="G116" s="174" t="s">
        <v>658</v>
      </c>
      <c r="H116" s="164"/>
      <c r="I116" s="169" t="s">
        <v>659</v>
      </c>
      <c r="J116" s="128"/>
    </row>
    <row r="117" spans="1:11">
      <c r="A117" s="167"/>
      <c r="B117" s="170" t="s">
        <v>660</v>
      </c>
      <c r="C117" s="171" t="s">
        <v>661</v>
      </c>
      <c r="D117" s="171" t="s">
        <v>662</v>
      </c>
      <c r="E117" s="171" t="s">
        <v>663</v>
      </c>
      <c r="F117" s="170" t="s">
        <v>664</v>
      </c>
      <c r="G117" s="170"/>
      <c r="H117" s="170"/>
      <c r="I117" s="173"/>
      <c r="J117" s="128"/>
    </row>
    <row r="118" spans="1:11">
      <c r="A118" s="167"/>
      <c r="B118" s="170" t="s">
        <v>665</v>
      </c>
      <c r="C118" s="175" t="s">
        <v>666</v>
      </c>
      <c r="D118" s="171" t="s">
        <v>667</v>
      </c>
      <c r="E118" s="171" t="s">
        <v>668</v>
      </c>
      <c r="F118" s="170" t="s">
        <v>669</v>
      </c>
      <c r="G118" s="170"/>
      <c r="H118" s="170"/>
      <c r="I118" s="170"/>
      <c r="J118" s="128"/>
    </row>
    <row r="119" spans="1:11">
      <c r="A119" s="167"/>
      <c r="B119" s="171" t="s">
        <v>670</v>
      </c>
      <c r="C119" s="175"/>
      <c r="D119" s="171" t="s">
        <v>671</v>
      </c>
      <c r="E119" s="171" t="s">
        <v>672</v>
      </c>
      <c r="F119" s="170" t="s">
        <v>673</v>
      </c>
      <c r="G119" s="170"/>
      <c r="H119" s="170"/>
      <c r="I119" s="170"/>
      <c r="J119" s="128"/>
    </row>
    <row r="120" spans="1:11">
      <c r="A120" s="167"/>
      <c r="B120" s="171"/>
      <c r="C120" s="171"/>
      <c r="D120" s="171" t="s">
        <v>674</v>
      </c>
      <c r="E120" s="171" t="s">
        <v>675</v>
      </c>
      <c r="F120" s="170"/>
      <c r="G120" s="170"/>
      <c r="H120" s="170"/>
      <c r="I120" s="170"/>
      <c r="J120" s="128"/>
    </row>
    <row r="121" spans="1:11">
      <c r="A121" s="167"/>
      <c r="B121" s="171"/>
      <c r="C121" s="171"/>
      <c r="D121" s="171"/>
      <c r="E121" s="171" t="s">
        <v>676</v>
      </c>
      <c r="F121" s="170"/>
      <c r="G121" s="170"/>
      <c r="H121" s="170"/>
      <c r="I121" s="170"/>
      <c r="J121" s="128"/>
    </row>
    <row r="122" spans="1:11">
      <c r="A122" s="167"/>
      <c r="B122" s="171"/>
      <c r="C122" s="171"/>
      <c r="D122" s="171"/>
      <c r="E122" s="171"/>
      <c r="F122" s="170"/>
      <c r="G122" s="170"/>
      <c r="H122" s="170"/>
      <c r="I122" s="170"/>
      <c r="J122" s="128"/>
    </row>
    <row r="123" spans="1:11">
      <c r="A123" s="167"/>
      <c r="B123" s="171"/>
      <c r="C123" s="171"/>
      <c r="D123" s="171"/>
      <c r="E123" s="171"/>
      <c r="F123" s="170"/>
      <c r="G123" s="170"/>
      <c r="H123" s="170"/>
      <c r="I123" s="170"/>
      <c r="J123" s="128"/>
    </row>
    <row r="124" spans="1:11">
      <c r="A124"/>
      <c r="B124"/>
      <c r="C124"/>
      <c r="D124"/>
      <c r="E124"/>
      <c r="F124"/>
      <c r="G124"/>
      <c r="H124"/>
      <c r="I124"/>
      <c r="J124" s="128"/>
    </row>
    <row r="125" spans="1:11">
      <c r="A125" s="126"/>
      <c r="F125" s="127"/>
      <c r="H125" s="126"/>
      <c r="J125" s="128"/>
    </row>
    <row r="126" spans="1:11">
      <c r="A126" s="126"/>
      <c r="F126" s="127"/>
      <c r="H126" s="126"/>
      <c r="J126" s="128"/>
    </row>
    <row r="127" spans="1:11">
      <c r="A127" s="176" t="s">
        <v>677</v>
      </c>
      <c r="F127" s="127"/>
      <c r="H127" s="126"/>
      <c r="J127" s="128"/>
    </row>
    <row r="128" spans="1:11" ht="15.75">
      <c r="A128" s="177" t="s">
        <v>22</v>
      </c>
      <c r="B128" s="178" t="s">
        <v>678</v>
      </c>
      <c r="C128" s="178" t="s">
        <v>679</v>
      </c>
      <c r="D128" s="179" t="s">
        <v>680</v>
      </c>
      <c r="E128" s="179" t="s">
        <v>681</v>
      </c>
      <c r="F128" s="179" t="s">
        <v>682</v>
      </c>
      <c r="G128" s="179" t="s">
        <v>683</v>
      </c>
      <c r="H128" s="179"/>
      <c r="I128" s="179" t="s">
        <v>684</v>
      </c>
      <c r="J128" s="179"/>
      <c r="K128" s="179" t="s">
        <v>685</v>
      </c>
    </row>
    <row r="129" spans="1:11">
      <c r="A129" s="180" t="s">
        <v>440</v>
      </c>
      <c r="B129" s="181" t="s">
        <v>441</v>
      </c>
      <c r="C129" s="181">
        <v>36</v>
      </c>
      <c r="D129" s="181">
        <v>1</v>
      </c>
      <c r="E129" s="181">
        <v>1</v>
      </c>
      <c r="F129" s="181" t="s">
        <v>442</v>
      </c>
      <c r="G129" s="181" t="s">
        <v>443</v>
      </c>
      <c r="H129" s="181" t="s">
        <v>106</v>
      </c>
      <c r="I129" s="181" t="s">
        <v>444</v>
      </c>
      <c r="J129" s="182" t="s">
        <v>106</v>
      </c>
      <c r="K129" s="182" t="s">
        <v>686</v>
      </c>
    </row>
    <row r="130" spans="1:11">
      <c r="A130" s="180" t="s">
        <v>687</v>
      </c>
      <c r="B130" s="181" t="s">
        <v>441</v>
      </c>
      <c r="C130" s="183">
        <v>21</v>
      </c>
      <c r="D130" s="183">
        <v>2</v>
      </c>
      <c r="E130" s="181">
        <v>2</v>
      </c>
      <c r="F130" s="181" t="s">
        <v>442</v>
      </c>
      <c r="G130" s="181" t="s">
        <v>443</v>
      </c>
      <c r="H130" s="181" t="s">
        <v>106</v>
      </c>
      <c r="I130" s="181" t="s">
        <v>688</v>
      </c>
      <c r="J130" s="182" t="s">
        <v>106</v>
      </c>
      <c r="K130" s="182" t="s">
        <v>689</v>
      </c>
    </row>
    <row r="131" spans="1:11">
      <c r="A131" s="180" t="s">
        <v>5</v>
      </c>
      <c r="B131" s="181" t="s">
        <v>441</v>
      </c>
      <c r="C131" s="183">
        <v>32</v>
      </c>
      <c r="D131" s="183">
        <v>3</v>
      </c>
      <c r="E131" s="183">
        <v>8</v>
      </c>
      <c r="F131" s="181" t="s">
        <v>446</v>
      </c>
      <c r="G131" s="181" t="s">
        <v>443</v>
      </c>
      <c r="H131" s="181" t="s">
        <v>106</v>
      </c>
      <c r="I131" s="181" t="s">
        <v>690</v>
      </c>
      <c r="J131" s="182"/>
      <c r="K131" s="182"/>
    </row>
    <row r="132" spans="1:11">
      <c r="A132" s="180" t="s">
        <v>691</v>
      </c>
      <c r="B132" s="181" t="s">
        <v>441</v>
      </c>
      <c r="C132" s="183">
        <v>32</v>
      </c>
      <c r="D132" s="183"/>
      <c r="E132" s="183">
        <v>2</v>
      </c>
      <c r="F132" s="181" t="s">
        <v>446</v>
      </c>
      <c r="G132" s="181" t="s">
        <v>443</v>
      </c>
      <c r="H132" s="181" t="s">
        <v>106</v>
      </c>
      <c r="I132" s="181" t="s">
        <v>692</v>
      </c>
      <c r="J132" s="182" t="s">
        <v>106</v>
      </c>
      <c r="K132" s="182" t="s">
        <v>689</v>
      </c>
    </row>
    <row r="133" spans="1:11">
      <c r="A133" s="180" t="s">
        <v>7</v>
      </c>
      <c r="B133" s="181" t="s">
        <v>441</v>
      </c>
      <c r="C133" s="183">
        <v>26</v>
      </c>
      <c r="D133" s="183"/>
      <c r="E133" s="183">
        <v>2</v>
      </c>
      <c r="F133" s="181" t="s">
        <v>446</v>
      </c>
      <c r="G133" s="181" t="s">
        <v>693</v>
      </c>
      <c r="H133" s="181" t="s">
        <v>106</v>
      </c>
      <c r="I133" s="181" t="s">
        <v>694</v>
      </c>
      <c r="J133" s="182"/>
      <c r="K133" s="182"/>
    </row>
    <row r="134" spans="1:11">
      <c r="A134" s="180" t="s">
        <v>695</v>
      </c>
      <c r="B134" s="181" t="s">
        <v>441</v>
      </c>
      <c r="C134" s="183">
        <v>63</v>
      </c>
      <c r="D134" s="183">
        <v>2</v>
      </c>
      <c r="E134" s="183">
        <v>2</v>
      </c>
      <c r="F134" s="181" t="s">
        <v>450</v>
      </c>
      <c r="G134" s="181" t="s">
        <v>696</v>
      </c>
      <c r="H134" s="181" t="s">
        <v>106</v>
      </c>
      <c r="I134" s="181" t="s">
        <v>697</v>
      </c>
      <c r="J134" s="182" t="s">
        <v>106</v>
      </c>
      <c r="K134" s="182" t="s">
        <v>689</v>
      </c>
    </row>
    <row r="135" spans="1:11">
      <c r="A135" s="184"/>
      <c r="B135" s="727"/>
      <c r="C135" s="727"/>
      <c r="D135" s="727"/>
      <c r="E135" s="727"/>
      <c r="F135" s="728"/>
      <c r="G135" s="728"/>
      <c r="H135" s="729"/>
      <c r="I135" s="730" t="s">
        <v>698</v>
      </c>
      <c r="J135" s="728"/>
      <c r="K135" s="729"/>
    </row>
    <row r="136" spans="1:11" ht="135">
      <c r="A136" s="185"/>
      <c r="B136" s="186" t="s">
        <v>699</v>
      </c>
      <c r="C136" s="187" t="s">
        <v>700</v>
      </c>
      <c r="D136" s="187" t="s">
        <v>701</v>
      </c>
      <c r="E136" s="188" t="s">
        <v>702</v>
      </c>
      <c r="F136" s="186" t="s">
        <v>703</v>
      </c>
      <c r="G136" s="187" t="s">
        <v>704</v>
      </c>
      <c r="H136" s="189"/>
      <c r="I136" s="186" t="s">
        <v>705</v>
      </c>
      <c r="J136" s="190"/>
      <c r="K136" s="186" t="s">
        <v>706</v>
      </c>
    </row>
    <row r="137" spans="1:11">
      <c r="A137" s="184"/>
      <c r="B137" s="191" t="s">
        <v>707</v>
      </c>
      <c r="C137" s="192" t="s">
        <v>708</v>
      </c>
      <c r="D137" s="193" t="s">
        <v>709</v>
      </c>
      <c r="E137" s="194" t="s">
        <v>710</v>
      </c>
      <c r="F137" s="195" t="s">
        <v>711</v>
      </c>
      <c r="G137" s="196" t="s">
        <v>712</v>
      </c>
      <c r="H137" s="182" t="s">
        <v>106</v>
      </c>
      <c r="I137" s="191" t="s">
        <v>464</v>
      </c>
      <c r="J137" s="182" t="s">
        <v>106</v>
      </c>
      <c r="K137" s="197" t="s">
        <v>713</v>
      </c>
    </row>
    <row r="138" spans="1:11">
      <c r="A138" s="184"/>
      <c r="B138" s="195"/>
      <c r="C138" s="193" t="s">
        <v>714</v>
      </c>
      <c r="D138" s="193" t="s">
        <v>715</v>
      </c>
      <c r="E138" s="194" t="s">
        <v>716</v>
      </c>
      <c r="F138" s="195" t="s">
        <v>717</v>
      </c>
      <c r="G138" s="198" t="s">
        <v>718</v>
      </c>
      <c r="H138" s="182" t="s">
        <v>106</v>
      </c>
      <c r="I138" s="195" t="s">
        <v>719</v>
      </c>
      <c r="J138" s="182" t="s">
        <v>106</v>
      </c>
      <c r="K138" s="197" t="s">
        <v>720</v>
      </c>
    </row>
    <row r="139" spans="1:11">
      <c r="A139" s="184"/>
      <c r="B139" s="199"/>
      <c r="C139" s="193" t="s">
        <v>721</v>
      </c>
      <c r="D139" s="193" t="s">
        <v>722</v>
      </c>
      <c r="E139" s="194" t="s">
        <v>723</v>
      </c>
      <c r="F139" s="195" t="s">
        <v>724</v>
      </c>
      <c r="G139" s="198" t="s">
        <v>725</v>
      </c>
      <c r="H139" s="182" t="s">
        <v>106</v>
      </c>
      <c r="I139" s="199" t="s">
        <v>726</v>
      </c>
      <c r="J139" s="182" t="s">
        <v>106</v>
      </c>
      <c r="K139" s="197" t="s">
        <v>727</v>
      </c>
    </row>
    <row r="140" spans="1:11">
      <c r="A140" s="184"/>
      <c r="B140" s="199"/>
      <c r="C140" s="193" t="s">
        <v>728</v>
      </c>
      <c r="D140" s="193" t="s">
        <v>107</v>
      </c>
      <c r="E140" s="194" t="s">
        <v>729</v>
      </c>
      <c r="F140" s="195"/>
      <c r="G140" s="198" t="s">
        <v>730</v>
      </c>
      <c r="H140" s="182" t="s">
        <v>106</v>
      </c>
      <c r="I140" s="199" t="s">
        <v>731</v>
      </c>
      <c r="J140" s="182" t="s">
        <v>106</v>
      </c>
      <c r="K140" s="197" t="s">
        <v>732</v>
      </c>
    </row>
    <row r="141" spans="1:11">
      <c r="A141" s="184"/>
      <c r="B141" s="199"/>
      <c r="C141" s="193" t="s">
        <v>733</v>
      </c>
      <c r="D141" s="193" t="s">
        <v>107</v>
      </c>
      <c r="E141" s="194" t="s">
        <v>734</v>
      </c>
      <c r="F141" s="195"/>
      <c r="G141" s="198" t="s">
        <v>735</v>
      </c>
      <c r="H141" s="182" t="s">
        <v>106</v>
      </c>
      <c r="I141" s="195" t="s">
        <v>736</v>
      </c>
      <c r="J141" s="182" t="s">
        <v>106</v>
      </c>
      <c r="K141" s="197"/>
    </row>
    <row r="142" spans="1:11">
      <c r="A142" s="184"/>
      <c r="B142" s="199"/>
      <c r="C142" s="193" t="s">
        <v>737</v>
      </c>
      <c r="D142" s="193" t="s">
        <v>107</v>
      </c>
      <c r="E142" s="194"/>
      <c r="F142" s="195"/>
      <c r="G142" s="198" t="s">
        <v>738</v>
      </c>
      <c r="H142" s="182" t="s">
        <v>106</v>
      </c>
      <c r="I142" s="195" t="s">
        <v>739</v>
      </c>
      <c r="J142" s="182" t="s">
        <v>106</v>
      </c>
      <c r="K142" s="197"/>
    </row>
    <row r="143" spans="1:11">
      <c r="A143" s="184"/>
      <c r="B143" s="199"/>
      <c r="C143" s="192" t="s">
        <v>740</v>
      </c>
      <c r="D143" s="193"/>
      <c r="E143" s="194"/>
      <c r="F143" s="195"/>
      <c r="G143" s="198" t="s">
        <v>741</v>
      </c>
      <c r="H143" s="182" t="s">
        <v>106</v>
      </c>
      <c r="I143" s="195" t="s">
        <v>742</v>
      </c>
      <c r="J143" s="182" t="s">
        <v>106</v>
      </c>
      <c r="K143" s="197"/>
    </row>
    <row r="144" spans="1:11">
      <c r="A144" s="184"/>
      <c r="B144" s="199"/>
      <c r="C144" s="193" t="s">
        <v>743</v>
      </c>
      <c r="D144" s="193"/>
      <c r="E144" s="194"/>
      <c r="F144" s="195"/>
      <c r="G144" s="200" t="s">
        <v>744</v>
      </c>
      <c r="H144" s="182" t="s">
        <v>106</v>
      </c>
      <c r="I144" s="195" t="s">
        <v>745</v>
      </c>
      <c r="J144" s="182" t="s">
        <v>106</v>
      </c>
      <c r="K144" s="197"/>
    </row>
    <row r="145" spans="1:11">
      <c r="A145" s="184"/>
      <c r="B145" s="199"/>
      <c r="C145" s="193" t="s">
        <v>746</v>
      </c>
      <c r="D145" s="193"/>
      <c r="E145" s="194"/>
      <c r="F145" s="195"/>
      <c r="G145" s="201"/>
      <c r="H145" s="182" t="s">
        <v>106</v>
      </c>
      <c r="I145" s="195" t="s">
        <v>747</v>
      </c>
      <c r="J145" s="182" t="s">
        <v>106</v>
      </c>
      <c r="K145" s="197"/>
    </row>
    <row r="146" spans="1:11">
      <c r="A146" s="184"/>
      <c r="B146" s="199"/>
      <c r="C146" s="193" t="s">
        <v>748</v>
      </c>
      <c r="D146" s="193"/>
      <c r="E146" s="194"/>
      <c r="F146" s="195"/>
      <c r="G146" s="201"/>
      <c r="H146" s="182" t="s">
        <v>106</v>
      </c>
      <c r="I146" s="191" t="s">
        <v>504</v>
      </c>
      <c r="J146" s="182" t="s">
        <v>106</v>
      </c>
      <c r="K146" s="197"/>
    </row>
    <row r="147" spans="1:11">
      <c r="A147" s="184"/>
      <c r="B147" s="199"/>
      <c r="C147" s="192" t="s">
        <v>749</v>
      </c>
      <c r="D147" s="193"/>
      <c r="E147" s="194"/>
      <c r="F147" s="195"/>
      <c r="G147" s="202" t="s">
        <v>750</v>
      </c>
      <c r="H147" s="182" t="s">
        <v>106</v>
      </c>
      <c r="I147" s="195" t="s">
        <v>751</v>
      </c>
      <c r="J147" s="182" t="s">
        <v>106</v>
      </c>
      <c r="K147" s="197"/>
    </row>
    <row r="148" spans="1:11">
      <c r="A148" s="184"/>
      <c r="B148" s="199"/>
      <c r="C148" s="193" t="s">
        <v>752</v>
      </c>
      <c r="D148" s="193"/>
      <c r="E148" s="194"/>
      <c r="F148" s="195"/>
      <c r="G148" s="203" t="s">
        <v>753</v>
      </c>
      <c r="H148" s="182" t="s">
        <v>106</v>
      </c>
      <c r="I148" s="195" t="s">
        <v>754</v>
      </c>
      <c r="J148" s="182" t="s">
        <v>106</v>
      </c>
      <c r="K148" s="197"/>
    </row>
    <row r="149" spans="1:11">
      <c r="A149" s="184"/>
      <c r="B149" s="199"/>
      <c r="C149" s="193" t="s">
        <v>755</v>
      </c>
      <c r="D149" s="193"/>
      <c r="E149" s="194"/>
      <c r="F149" s="195"/>
      <c r="G149" s="201"/>
      <c r="H149" s="182" t="s">
        <v>106</v>
      </c>
      <c r="I149" s="195" t="s">
        <v>756</v>
      </c>
      <c r="J149" s="182" t="s">
        <v>106</v>
      </c>
      <c r="K149" s="197"/>
    </row>
    <row r="150" spans="1:11">
      <c r="A150" s="184"/>
      <c r="B150" s="199"/>
      <c r="C150" s="192" t="s">
        <v>757</v>
      </c>
      <c r="D150" s="193"/>
      <c r="E150" s="194"/>
      <c r="F150" s="195"/>
      <c r="G150" s="201"/>
      <c r="H150" s="182" t="s">
        <v>106</v>
      </c>
      <c r="I150" s="195" t="s">
        <v>758</v>
      </c>
      <c r="J150" s="182" t="s">
        <v>106</v>
      </c>
      <c r="K150" s="197"/>
    </row>
    <row r="151" spans="1:11">
      <c r="A151" s="184"/>
      <c r="B151" s="199"/>
      <c r="C151" s="193" t="s">
        <v>759</v>
      </c>
      <c r="D151" s="193"/>
      <c r="E151" s="194"/>
      <c r="F151" s="195"/>
      <c r="G151" s="201"/>
      <c r="H151" s="182" t="s">
        <v>106</v>
      </c>
      <c r="I151" s="191" t="s">
        <v>760</v>
      </c>
      <c r="J151" s="182" t="s">
        <v>106</v>
      </c>
      <c r="K151" s="197"/>
    </row>
    <row r="152" spans="1:11">
      <c r="A152" s="184"/>
      <c r="B152" s="199"/>
      <c r="C152" s="193" t="s">
        <v>761</v>
      </c>
      <c r="D152" s="193"/>
      <c r="E152" s="194"/>
      <c r="F152" s="195"/>
      <c r="G152" s="201"/>
      <c r="H152" s="182" t="s">
        <v>106</v>
      </c>
      <c r="I152" s="195" t="s">
        <v>762</v>
      </c>
      <c r="J152" s="182" t="s">
        <v>106</v>
      </c>
      <c r="K152" s="197"/>
    </row>
    <row r="153" spans="1:11">
      <c r="A153" s="184"/>
      <c r="B153" s="199"/>
      <c r="C153" s="193" t="s">
        <v>763</v>
      </c>
      <c r="D153" s="193"/>
      <c r="E153" s="194"/>
      <c r="F153" s="204"/>
      <c r="G153" s="201"/>
      <c r="H153" s="182" t="s">
        <v>106</v>
      </c>
      <c r="I153" s="195" t="s">
        <v>764</v>
      </c>
      <c r="J153" s="182" t="s">
        <v>106</v>
      </c>
      <c r="K153" s="197"/>
    </row>
    <row r="154" spans="1:11">
      <c r="A154" s="184"/>
      <c r="B154" s="199"/>
      <c r="C154" s="192" t="s">
        <v>765</v>
      </c>
      <c r="D154" s="193"/>
      <c r="E154" s="194"/>
      <c r="F154" s="204"/>
      <c r="G154" s="198"/>
      <c r="H154" s="182" t="s">
        <v>106</v>
      </c>
      <c r="I154" s="195" t="s">
        <v>766</v>
      </c>
      <c r="J154" s="182" t="s">
        <v>106</v>
      </c>
      <c r="K154" s="194"/>
    </row>
    <row r="155" spans="1:11">
      <c r="A155" s="184"/>
      <c r="B155" s="199"/>
      <c r="C155" s="193" t="s">
        <v>767</v>
      </c>
      <c r="D155" s="193"/>
      <c r="E155" s="194"/>
      <c r="F155" s="204"/>
      <c r="G155" s="198"/>
      <c r="H155" s="182" t="s">
        <v>106</v>
      </c>
      <c r="I155" s="195" t="s">
        <v>768</v>
      </c>
      <c r="J155" s="182" t="s">
        <v>106</v>
      </c>
      <c r="K155" s="194"/>
    </row>
    <row r="156" spans="1:11">
      <c r="A156" s="184"/>
      <c r="B156" s="199"/>
      <c r="C156" s="192" t="s">
        <v>769</v>
      </c>
      <c r="D156" s="193"/>
      <c r="E156" s="194"/>
      <c r="F156" s="204"/>
      <c r="G156" s="198"/>
      <c r="H156" s="182" t="s">
        <v>106</v>
      </c>
      <c r="I156" s="195" t="s">
        <v>770</v>
      </c>
      <c r="J156" s="182" t="s">
        <v>106</v>
      </c>
      <c r="K156" s="194"/>
    </row>
    <row r="157" spans="1:11">
      <c r="A157" s="184"/>
      <c r="B157" s="199"/>
      <c r="C157" s="193" t="s">
        <v>771</v>
      </c>
      <c r="D157" s="193"/>
      <c r="E157" s="194"/>
      <c r="F157" s="204"/>
      <c r="G157" s="205"/>
      <c r="H157" s="182" t="s">
        <v>106</v>
      </c>
      <c r="I157" s="191" t="s">
        <v>530</v>
      </c>
      <c r="J157" s="182" t="s">
        <v>106</v>
      </c>
      <c r="K157" s="194"/>
    </row>
    <row r="158" spans="1:11">
      <c r="A158" s="184"/>
      <c r="B158" s="199"/>
      <c r="C158" s="193" t="s">
        <v>772</v>
      </c>
      <c r="D158" s="193"/>
      <c r="E158" s="194"/>
      <c r="F158" s="204"/>
      <c r="G158" s="205"/>
      <c r="H158" s="182" t="s">
        <v>106</v>
      </c>
      <c r="I158" s="195" t="s">
        <v>773</v>
      </c>
      <c r="J158" s="182" t="s">
        <v>106</v>
      </c>
      <c r="K158" s="194"/>
    </row>
    <row r="159" spans="1:11">
      <c r="A159" s="184"/>
      <c r="B159" s="199"/>
      <c r="C159" s="193"/>
      <c r="D159" s="193"/>
      <c r="E159" s="194"/>
      <c r="F159" s="204"/>
      <c r="G159" s="205"/>
      <c r="H159" s="182" t="s">
        <v>106</v>
      </c>
      <c r="I159" s="199" t="s">
        <v>774</v>
      </c>
      <c r="J159" s="182" t="s">
        <v>106</v>
      </c>
      <c r="K159" s="194"/>
    </row>
    <row r="160" spans="1:11">
      <c r="A160" s="184"/>
      <c r="B160" s="199"/>
      <c r="C160" s="193"/>
      <c r="D160" s="193"/>
      <c r="E160" s="194"/>
      <c r="F160" s="204"/>
      <c r="G160" s="205"/>
      <c r="H160" s="182"/>
      <c r="I160" s="199"/>
      <c r="J160" s="182"/>
      <c r="K160" s="194"/>
    </row>
    <row r="161" spans="1:11">
      <c r="A161" s="184"/>
      <c r="B161" s="199"/>
      <c r="C161" s="206" t="s">
        <v>775</v>
      </c>
      <c r="D161" s="193"/>
      <c r="E161" s="194"/>
      <c r="F161" s="204"/>
      <c r="G161" s="205"/>
      <c r="H161" s="182" t="s">
        <v>106</v>
      </c>
      <c r="I161" s="199" t="s">
        <v>776</v>
      </c>
      <c r="J161" s="182" t="s">
        <v>106</v>
      </c>
      <c r="K161" s="194"/>
    </row>
    <row r="162" spans="1:11">
      <c r="A162" s="184"/>
      <c r="B162" s="207"/>
      <c r="C162" s="208" t="s">
        <v>777</v>
      </c>
      <c r="D162" s="209"/>
      <c r="E162" s="210"/>
      <c r="F162" s="211"/>
      <c r="G162" s="212"/>
      <c r="H162" s="213" t="s">
        <v>106</v>
      </c>
      <c r="I162" s="195" t="s">
        <v>778</v>
      </c>
      <c r="J162" s="213" t="s">
        <v>106</v>
      </c>
      <c r="K162" s="210"/>
    </row>
    <row r="163" spans="1:11">
      <c r="A163" s="184"/>
      <c r="B163" s="184"/>
      <c r="C163" s="184"/>
      <c r="D163" s="184"/>
      <c r="E163" s="184"/>
      <c r="F163" s="214"/>
      <c r="G163" s="214"/>
      <c r="H163" s="184"/>
      <c r="I163" s="184"/>
      <c r="J163" s="184"/>
      <c r="K163" s="184"/>
    </row>
    <row r="164" spans="1:11">
      <c r="A164" s="184"/>
      <c r="B164" s="184"/>
      <c r="C164" s="184"/>
      <c r="D164" s="184"/>
      <c r="E164" s="184"/>
      <c r="F164" s="214"/>
      <c r="G164" s="214"/>
      <c r="H164" s="184"/>
      <c r="I164" s="184"/>
      <c r="J164" s="184"/>
      <c r="K164" s="184"/>
    </row>
    <row r="165" spans="1:11">
      <c r="A165" s="215"/>
      <c r="B165" s="215"/>
      <c r="C165" s="215"/>
      <c r="D165" s="215"/>
      <c r="E165" s="215"/>
      <c r="F165" s="215"/>
      <c r="G165" s="215"/>
      <c r="H165" s="215"/>
      <c r="I165" s="184"/>
      <c r="J165" s="184"/>
      <c r="K165" s="184"/>
    </row>
    <row r="166" spans="1:11" ht="15.75">
      <c r="A166" s="177" t="s">
        <v>22</v>
      </c>
      <c r="B166" s="178" t="s">
        <v>678</v>
      </c>
      <c r="C166" s="179" t="s">
        <v>779</v>
      </c>
      <c r="D166" s="179" t="s">
        <v>680</v>
      </c>
      <c r="E166" s="179"/>
      <c r="F166" s="179" t="s">
        <v>681</v>
      </c>
      <c r="G166" s="179" t="s">
        <v>682</v>
      </c>
      <c r="H166" s="179" t="s">
        <v>683</v>
      </c>
      <c r="I166" s="184"/>
      <c r="J166" s="184"/>
      <c r="K166" s="184"/>
    </row>
    <row r="167" spans="1:11">
      <c r="A167" s="182" t="s">
        <v>542</v>
      </c>
      <c r="B167" s="182" t="s">
        <v>4</v>
      </c>
      <c r="C167" s="216">
        <v>3</v>
      </c>
      <c r="D167" s="216">
        <v>1</v>
      </c>
      <c r="E167" s="182" t="s">
        <v>106</v>
      </c>
      <c r="F167" s="216">
        <v>8</v>
      </c>
      <c r="G167" s="182" t="s">
        <v>450</v>
      </c>
      <c r="H167" s="182" t="s">
        <v>545</v>
      </c>
      <c r="I167" s="184"/>
      <c r="J167" s="184"/>
      <c r="K167" s="184"/>
    </row>
    <row r="168" spans="1:11">
      <c r="A168" s="182" t="s">
        <v>546</v>
      </c>
      <c r="B168" s="182" t="s">
        <v>4</v>
      </c>
      <c r="C168" s="216">
        <v>3</v>
      </c>
      <c r="D168" s="216">
        <v>4</v>
      </c>
      <c r="E168" s="182" t="s">
        <v>106</v>
      </c>
      <c r="F168" s="216">
        <v>16</v>
      </c>
      <c r="G168" s="182" t="s">
        <v>446</v>
      </c>
      <c r="H168" s="182" t="s">
        <v>549</v>
      </c>
      <c r="I168" s="184"/>
      <c r="J168" s="184"/>
      <c r="K168" s="184"/>
    </row>
    <row r="169" spans="1:11">
      <c r="A169" s="184"/>
      <c r="B169" s="184"/>
      <c r="C169" s="184"/>
      <c r="D169" s="184"/>
      <c r="E169" s="184"/>
      <c r="F169" s="184"/>
      <c r="G169" s="214"/>
      <c r="H169" s="214"/>
      <c r="I169" s="184"/>
      <c r="J169" s="184"/>
      <c r="K169" s="184"/>
    </row>
    <row r="170" spans="1:11" ht="45">
      <c r="A170" s="184"/>
      <c r="B170" s="178" t="s">
        <v>699</v>
      </c>
      <c r="C170" s="178" t="s">
        <v>780</v>
      </c>
      <c r="D170" s="178" t="s">
        <v>781</v>
      </c>
      <c r="E170" s="179"/>
      <c r="F170" s="178" t="s">
        <v>782</v>
      </c>
      <c r="G170" s="178" t="s">
        <v>783</v>
      </c>
      <c r="H170" s="178" t="s">
        <v>784</v>
      </c>
      <c r="I170" s="184"/>
      <c r="J170" s="184"/>
      <c r="K170" s="184"/>
    </row>
    <row r="171" spans="1:11">
      <c r="A171" s="184"/>
      <c r="B171" s="198" t="s">
        <v>555</v>
      </c>
      <c r="C171" s="193" t="s">
        <v>556</v>
      </c>
      <c r="D171" s="193" t="s">
        <v>557</v>
      </c>
      <c r="E171" s="182" t="s">
        <v>106</v>
      </c>
      <c r="F171" s="193" t="s">
        <v>785</v>
      </c>
      <c r="G171" s="198" t="s">
        <v>786</v>
      </c>
      <c r="H171" s="198" t="s">
        <v>756</v>
      </c>
      <c r="I171" s="184"/>
      <c r="J171" s="184"/>
      <c r="K171" s="184"/>
    </row>
    <row r="172" spans="1:11">
      <c r="A172" s="184"/>
      <c r="B172" s="198"/>
      <c r="C172" s="193" t="s">
        <v>561</v>
      </c>
      <c r="D172" s="193" t="s">
        <v>562</v>
      </c>
      <c r="E172" s="182" t="s">
        <v>106</v>
      </c>
      <c r="F172" s="193" t="s">
        <v>787</v>
      </c>
      <c r="G172" s="198" t="s">
        <v>788</v>
      </c>
      <c r="H172" s="198" t="s">
        <v>789</v>
      </c>
      <c r="I172" s="184"/>
      <c r="J172" s="184"/>
      <c r="K172" s="184"/>
    </row>
    <row r="173" spans="1:11">
      <c r="A173" s="184"/>
      <c r="B173" s="193"/>
      <c r="C173" s="193" t="s">
        <v>566</v>
      </c>
      <c r="D173" s="193" t="s">
        <v>567</v>
      </c>
      <c r="E173" s="182" t="s">
        <v>106</v>
      </c>
      <c r="F173" s="193" t="s">
        <v>790</v>
      </c>
      <c r="G173" s="198" t="s">
        <v>791</v>
      </c>
      <c r="H173" s="201" t="s">
        <v>792</v>
      </c>
      <c r="I173" s="184"/>
      <c r="J173" s="184"/>
      <c r="K173" s="184"/>
    </row>
    <row r="174" spans="1:11">
      <c r="A174" s="184"/>
      <c r="B174" s="193"/>
      <c r="C174" s="193"/>
      <c r="D174" s="193" t="s">
        <v>569</v>
      </c>
      <c r="E174" s="182" t="s">
        <v>106</v>
      </c>
      <c r="F174" s="193" t="s">
        <v>793</v>
      </c>
      <c r="G174" s="198" t="s">
        <v>794</v>
      </c>
      <c r="H174" s="201" t="s">
        <v>795</v>
      </c>
      <c r="I174" s="184"/>
      <c r="J174" s="184"/>
      <c r="K174" s="184"/>
    </row>
    <row r="175" spans="1:11">
      <c r="A175" s="184"/>
      <c r="B175" s="193"/>
      <c r="C175" s="193"/>
      <c r="D175" s="193" t="s">
        <v>571</v>
      </c>
      <c r="E175" s="182" t="s">
        <v>106</v>
      </c>
      <c r="F175" s="193" t="s">
        <v>796</v>
      </c>
      <c r="G175" s="198" t="s">
        <v>797</v>
      </c>
      <c r="H175" s="198"/>
      <c r="I175" s="184"/>
      <c r="J175" s="184"/>
      <c r="K175" s="184"/>
    </row>
    <row r="176" spans="1:11">
      <c r="A176" s="184"/>
      <c r="B176" s="193"/>
      <c r="C176" s="193"/>
      <c r="D176" s="193"/>
      <c r="E176" s="182" t="s">
        <v>106</v>
      </c>
      <c r="F176" s="193" t="s">
        <v>798</v>
      </c>
      <c r="G176" s="201" t="s">
        <v>696</v>
      </c>
      <c r="H176" s="198"/>
      <c r="I176" s="184"/>
      <c r="J176" s="184"/>
      <c r="K176" s="184"/>
    </row>
    <row r="177" spans="1:11">
      <c r="A177" s="184"/>
      <c r="B177" s="193"/>
      <c r="C177" s="193"/>
      <c r="D177" s="193"/>
      <c r="E177" s="182" t="s">
        <v>106</v>
      </c>
      <c r="F177" s="193" t="s">
        <v>799</v>
      </c>
      <c r="G177" s="201" t="s">
        <v>689</v>
      </c>
      <c r="H177" s="198"/>
      <c r="I177" s="184"/>
      <c r="J177" s="184"/>
      <c r="K177" s="184"/>
    </row>
    <row r="178" spans="1:11">
      <c r="A178" s="184"/>
      <c r="B178" s="193"/>
      <c r="C178" s="193"/>
      <c r="D178" s="193"/>
      <c r="E178" s="182" t="s">
        <v>106</v>
      </c>
      <c r="F178" s="193" t="s">
        <v>800</v>
      </c>
      <c r="G178" s="201" t="s">
        <v>801</v>
      </c>
      <c r="H178" s="198"/>
      <c r="I178" s="184"/>
      <c r="J178" s="184"/>
      <c r="K178" s="184"/>
    </row>
    <row r="179" spans="1:11">
      <c r="A179" s="184"/>
      <c r="B179" s="193"/>
      <c r="C179" s="193"/>
      <c r="D179" s="193"/>
      <c r="E179" s="198"/>
      <c r="F179" s="193"/>
      <c r="G179" s="201" t="s">
        <v>802</v>
      </c>
      <c r="H179" s="198"/>
      <c r="I179" s="184"/>
      <c r="J179" s="184"/>
      <c r="K179" s="184"/>
    </row>
    <row r="180" spans="1:11">
      <c r="A180" s="184"/>
      <c r="B180" s="193"/>
      <c r="C180" s="193"/>
      <c r="D180" s="193"/>
      <c r="E180" s="198"/>
      <c r="F180" s="193"/>
      <c r="G180" s="198"/>
      <c r="H180" s="198"/>
      <c r="I180" s="184"/>
      <c r="J180" s="184"/>
      <c r="K180" s="184"/>
    </row>
    <row r="181" spans="1:11">
      <c r="A181" s="184"/>
      <c r="B181" s="193"/>
      <c r="C181" s="193"/>
      <c r="D181" s="193"/>
      <c r="E181" s="198"/>
      <c r="F181" s="193"/>
      <c r="G181" s="198"/>
      <c r="H181" s="198"/>
      <c r="I181" s="184"/>
      <c r="J181" s="184"/>
      <c r="K181" s="184"/>
    </row>
    <row r="182" spans="1:11">
      <c r="A182" s="184"/>
      <c r="B182" s="184"/>
      <c r="C182" s="184"/>
      <c r="D182" s="184"/>
      <c r="E182" s="184"/>
      <c r="F182" s="214"/>
      <c r="G182" s="214"/>
      <c r="H182" s="184"/>
      <c r="I182" s="184"/>
      <c r="J182" s="184"/>
      <c r="K182" s="184"/>
    </row>
    <row r="183" spans="1:11">
      <c r="A183" s="184"/>
      <c r="B183" s="184"/>
      <c r="C183" s="184"/>
      <c r="D183" s="184"/>
      <c r="E183" s="184"/>
      <c r="F183" s="214"/>
      <c r="G183" s="214"/>
      <c r="H183" s="184"/>
      <c r="I183" s="184"/>
      <c r="J183" s="184"/>
      <c r="K183" s="184"/>
    </row>
    <row r="184" spans="1:11">
      <c r="A184" s="184"/>
      <c r="B184" s="184"/>
      <c r="C184" s="184"/>
      <c r="D184" s="184"/>
      <c r="E184" s="184"/>
      <c r="F184" s="214"/>
      <c r="G184" s="214"/>
      <c r="H184" s="184"/>
      <c r="I184" s="184"/>
      <c r="J184" s="184"/>
      <c r="K184" s="184"/>
    </row>
    <row r="185" spans="1:11">
      <c r="A185" s="184"/>
      <c r="B185" s="184"/>
      <c r="C185" s="184"/>
      <c r="D185" s="184"/>
      <c r="E185" s="184"/>
      <c r="F185" s="214"/>
      <c r="G185" s="214"/>
      <c r="H185" s="184"/>
      <c r="I185" s="184"/>
      <c r="J185" s="184"/>
      <c r="K185" s="184"/>
    </row>
    <row r="186" spans="1:11">
      <c r="A186" s="184"/>
      <c r="B186" s="184"/>
      <c r="C186" s="184"/>
      <c r="D186" s="184"/>
      <c r="E186" s="184"/>
      <c r="F186" s="214"/>
      <c r="G186" s="214"/>
      <c r="H186" s="184"/>
      <c r="I186" s="184"/>
      <c r="J186" s="184"/>
      <c r="K186" s="184"/>
    </row>
    <row r="187" spans="1:11">
      <c r="A187" s="184"/>
      <c r="B187" s="184"/>
      <c r="C187" s="184"/>
      <c r="D187" s="184"/>
      <c r="E187" s="184"/>
      <c r="F187" s="214"/>
      <c r="G187" s="214"/>
      <c r="H187" s="184"/>
      <c r="I187" s="184"/>
      <c r="J187" s="184"/>
      <c r="K187" s="184"/>
    </row>
    <row r="188" spans="1:11">
      <c r="A188" s="184"/>
      <c r="B188" s="184"/>
      <c r="C188" s="184"/>
      <c r="D188" s="184"/>
      <c r="E188" s="184"/>
      <c r="F188" s="214"/>
      <c r="G188" s="214"/>
      <c r="H188" s="184"/>
      <c r="I188" s="184"/>
      <c r="J188" s="184"/>
      <c r="K188" s="184"/>
    </row>
    <row r="189" spans="1:11">
      <c r="A189" s="184"/>
      <c r="B189" s="184"/>
      <c r="C189" s="184"/>
      <c r="D189" s="184"/>
      <c r="E189" s="184"/>
      <c r="F189" s="214"/>
      <c r="G189" s="214"/>
      <c r="H189" s="184"/>
      <c r="I189" s="184"/>
      <c r="J189" s="184"/>
      <c r="K189" s="184"/>
    </row>
    <row r="190" spans="1:11">
      <c r="A190" s="184"/>
      <c r="B190" s="184"/>
      <c r="C190" s="184"/>
      <c r="D190" s="184"/>
      <c r="E190" s="184"/>
      <c r="F190" s="214"/>
      <c r="G190" s="214"/>
      <c r="H190" s="184"/>
      <c r="I190" s="184"/>
      <c r="J190" s="184"/>
      <c r="K190" s="184"/>
    </row>
    <row r="191" spans="1:11">
      <c r="A191" s="184"/>
      <c r="B191" s="184"/>
      <c r="C191" s="184"/>
      <c r="D191" s="184"/>
      <c r="E191" s="184"/>
      <c r="F191" s="214"/>
      <c r="G191" s="214"/>
      <c r="H191" s="184"/>
      <c r="I191" s="184"/>
      <c r="J191" s="184"/>
      <c r="K191" s="184"/>
    </row>
    <row r="192" spans="1:11">
      <c r="A192" s="184"/>
      <c r="B192" s="184"/>
      <c r="C192" s="184"/>
      <c r="D192" s="184"/>
      <c r="E192" s="184"/>
      <c r="F192" s="214"/>
      <c r="G192" s="214"/>
      <c r="H192" s="184"/>
      <c r="I192" s="184"/>
      <c r="J192" s="184"/>
      <c r="K192" s="184"/>
    </row>
    <row r="193" spans="1:11">
      <c r="A193" s="184"/>
      <c r="B193" s="184"/>
      <c r="C193" s="184"/>
      <c r="D193" s="184"/>
      <c r="E193" s="184"/>
      <c r="F193" s="214"/>
      <c r="G193" s="214"/>
      <c r="H193" s="184"/>
      <c r="I193" s="184"/>
      <c r="J193" s="184"/>
      <c r="K193" s="184"/>
    </row>
    <row r="194" spans="1:11">
      <c r="A194" s="184"/>
      <c r="B194" s="184"/>
      <c r="C194" s="184"/>
      <c r="D194" s="184"/>
      <c r="E194" s="184"/>
      <c r="F194" s="214"/>
      <c r="G194" s="214"/>
      <c r="H194" s="184"/>
      <c r="I194" s="184"/>
      <c r="J194" s="184"/>
      <c r="K194" s="184"/>
    </row>
    <row r="195" spans="1:11">
      <c r="A195" s="184"/>
      <c r="B195" s="184"/>
      <c r="C195" s="184"/>
      <c r="D195" s="184"/>
      <c r="E195" s="184"/>
      <c r="F195" s="214"/>
      <c r="G195" s="214"/>
      <c r="H195" s="184"/>
      <c r="I195" s="184"/>
      <c r="J195" s="184"/>
      <c r="K195" s="184"/>
    </row>
    <row r="196" spans="1:11">
      <c r="A196" s="184"/>
      <c r="B196" s="184"/>
      <c r="C196" s="184"/>
      <c r="D196" s="184"/>
      <c r="E196" s="184"/>
      <c r="F196" s="214"/>
      <c r="G196" s="214"/>
      <c r="H196" s="184"/>
      <c r="I196" s="184"/>
      <c r="J196" s="184"/>
      <c r="K196" s="184"/>
    </row>
    <row r="197" spans="1:11">
      <c r="A197" s="184"/>
      <c r="B197" s="184"/>
      <c r="C197" s="184"/>
      <c r="D197" s="184"/>
      <c r="E197" s="184"/>
      <c r="F197" s="214"/>
      <c r="G197" s="214"/>
      <c r="H197" s="184"/>
      <c r="I197" s="184"/>
      <c r="J197" s="184"/>
      <c r="K197" s="184"/>
    </row>
    <row r="198" spans="1:11">
      <c r="A198" s="184"/>
      <c r="B198" s="184"/>
      <c r="C198" s="184"/>
      <c r="D198" s="184"/>
      <c r="E198" s="184"/>
      <c r="F198" s="214"/>
      <c r="G198" s="214"/>
      <c r="H198" s="184"/>
      <c r="I198" s="184"/>
      <c r="J198" s="184"/>
      <c r="K198" s="184"/>
    </row>
    <row r="199" spans="1:11">
      <c r="A199" s="184"/>
      <c r="B199" s="184"/>
      <c r="C199" s="184"/>
      <c r="D199" s="184"/>
      <c r="E199" s="184"/>
      <c r="F199" s="214"/>
      <c r="G199" s="214"/>
      <c r="H199" s="184"/>
      <c r="I199" s="184"/>
      <c r="J199" s="184"/>
      <c r="K199" s="184"/>
    </row>
    <row r="200" spans="1:11">
      <c r="A200" s="184"/>
      <c r="B200" s="184"/>
      <c r="C200" s="184"/>
      <c r="D200" s="184"/>
      <c r="E200" s="184"/>
      <c r="F200" s="214"/>
      <c r="G200" s="214"/>
      <c r="H200" s="184"/>
      <c r="I200" s="184"/>
      <c r="J200" s="184"/>
      <c r="K200" s="184"/>
    </row>
    <row r="201" spans="1:11">
      <c r="A201" s="184"/>
      <c r="B201" s="184"/>
      <c r="C201" s="184"/>
      <c r="D201" s="184"/>
      <c r="E201" s="184"/>
      <c r="F201" s="214"/>
      <c r="G201" s="214"/>
      <c r="H201" s="184"/>
      <c r="I201" s="184"/>
      <c r="J201" s="184"/>
      <c r="K201" s="184"/>
    </row>
    <row r="202" spans="1:11">
      <c r="A202" s="184"/>
      <c r="B202" s="184"/>
      <c r="C202" s="184"/>
      <c r="D202" s="184"/>
      <c r="E202" s="184"/>
      <c r="F202" s="214"/>
      <c r="G202" s="214"/>
      <c r="H202" s="184"/>
      <c r="I202" s="184"/>
      <c r="J202" s="184"/>
      <c r="K202" s="184"/>
    </row>
  </sheetData>
  <mergeCells count="3">
    <mergeCell ref="B135:E135"/>
    <mergeCell ref="F135:H135"/>
    <mergeCell ref="I135:K135"/>
  </mergeCells>
  <phoneticPr fontId="6" type="noConversion"/>
  <pageMargins left="0.69930555555555596" right="0.69930555555555596" top="0.75" bottom="0.75" header="0.3" footer="0.3"/>
  <pageSetup paperSize="9" scale="56"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10"/>
  <sheetViews>
    <sheetView workbookViewId="0">
      <pane xSplit="2" ySplit="1" topLeftCell="C2" activePane="bottomRight" state="frozen"/>
      <selection pane="topRight" activeCell="C1" sqref="C1"/>
      <selection pane="bottomLeft" activeCell="A2" sqref="A2"/>
      <selection pane="bottomRight" activeCell="F2" sqref="F2"/>
    </sheetView>
  </sheetViews>
  <sheetFormatPr defaultRowHeight="15"/>
  <cols>
    <col min="1" max="1" width="18.85546875" customWidth="1"/>
    <col min="2" max="2" width="23.7109375" customWidth="1"/>
    <col min="3" max="3" width="21" customWidth="1"/>
    <col min="4" max="4" width="18.85546875" customWidth="1"/>
    <col min="5" max="5" width="8.140625" bestFit="1" customWidth="1"/>
    <col min="6" max="6" width="9.85546875" customWidth="1"/>
    <col min="7" max="7" width="12" customWidth="1"/>
    <col min="8" max="8" width="13.140625" bestFit="1" customWidth="1"/>
    <col min="9" max="9" width="2.140625" customWidth="1"/>
    <col min="10" max="10" width="10.42578125" bestFit="1" customWidth="1"/>
    <col min="11" max="11" width="9" bestFit="1" customWidth="1"/>
    <col min="12" max="12" width="10.7109375" bestFit="1" customWidth="1"/>
    <col min="13" max="13" width="13.42578125" bestFit="1" customWidth="1"/>
    <col min="14" max="14" width="3.7109375" bestFit="1" customWidth="1"/>
    <col min="15" max="15" width="8.28515625" bestFit="1" customWidth="1"/>
    <col min="16" max="16" width="7.140625" bestFit="1" customWidth="1"/>
    <col min="17" max="17" width="3.85546875" bestFit="1" customWidth="1"/>
    <col min="18" max="19" width="5.42578125" bestFit="1" customWidth="1"/>
    <col min="21" max="21" width="12.140625" customWidth="1"/>
    <col min="22" max="22" width="27.42578125" customWidth="1"/>
  </cols>
  <sheetData>
    <row r="1" spans="1:25" s="51" customFormat="1" ht="31.5" customHeight="1">
      <c r="A1" s="228" t="s">
        <v>845</v>
      </c>
      <c r="B1" s="228" t="s">
        <v>835</v>
      </c>
      <c r="C1" s="228" t="s">
        <v>115</v>
      </c>
      <c r="D1" s="62" t="s">
        <v>828</v>
      </c>
      <c r="E1" s="62" t="s">
        <v>87</v>
      </c>
      <c r="F1" s="94" t="s">
        <v>118</v>
      </c>
      <c r="G1" s="54" t="s">
        <v>86</v>
      </c>
      <c r="H1" s="54" t="s">
        <v>88</v>
      </c>
      <c r="I1" s="55"/>
      <c r="J1" s="96" t="s">
        <v>844</v>
      </c>
      <c r="K1" s="98" t="s">
        <v>1857</v>
      </c>
      <c r="L1" s="98" t="s">
        <v>1858</v>
      </c>
      <c r="M1" s="98" t="s">
        <v>1859</v>
      </c>
      <c r="N1" s="98" t="s">
        <v>1860</v>
      </c>
      <c r="O1" s="98" t="s">
        <v>1861</v>
      </c>
      <c r="P1" s="98" t="s">
        <v>1862</v>
      </c>
      <c r="Q1" s="99" t="s">
        <v>834</v>
      </c>
      <c r="R1" s="99" t="s">
        <v>1863</v>
      </c>
      <c r="S1" s="98" t="s">
        <v>1864</v>
      </c>
      <c r="T1" s="98" t="s">
        <v>1865</v>
      </c>
      <c r="U1" s="98" t="s">
        <v>25</v>
      </c>
      <c r="V1" s="98" t="s">
        <v>24</v>
      </c>
      <c r="W1" s="98" t="s">
        <v>1866</v>
      </c>
      <c r="X1" s="98" t="s">
        <v>1867</v>
      </c>
      <c r="Y1" s="98" t="s">
        <v>1868</v>
      </c>
    </row>
    <row r="2" spans="1:25" ht="41.1" customHeight="1">
      <c r="A2" s="470" t="s">
        <v>971</v>
      </c>
      <c r="B2" s="470" t="s">
        <v>972</v>
      </c>
      <c r="C2" s="527"/>
      <c r="D2" s="290"/>
      <c r="E2" s="481"/>
      <c r="F2" s="705" t="s">
        <v>89</v>
      </c>
      <c r="G2" s="482" t="s">
        <v>926</v>
      </c>
      <c r="H2" s="494"/>
      <c r="I2" s="483"/>
      <c r="J2" s="491" t="s">
        <v>1924</v>
      </c>
      <c r="K2" s="491" t="s">
        <v>1925</v>
      </c>
      <c r="L2" s="491" t="s">
        <v>119</v>
      </c>
      <c r="M2" s="273" t="s">
        <v>1921</v>
      </c>
      <c r="N2" s="491" t="s">
        <v>121</v>
      </c>
      <c r="O2" s="491" t="s">
        <v>121</v>
      </c>
      <c r="P2" s="491" t="s">
        <v>120</v>
      </c>
      <c r="Q2" s="491" t="s">
        <v>120</v>
      </c>
      <c r="R2" s="491" t="s">
        <v>1926</v>
      </c>
      <c r="S2" s="491" t="s">
        <v>1926</v>
      </c>
      <c r="T2" s="491" t="s">
        <v>120</v>
      </c>
      <c r="U2" s="265" t="s">
        <v>1927</v>
      </c>
      <c r="V2" s="265" t="s">
        <v>1928</v>
      </c>
      <c r="W2" s="491" t="s">
        <v>1929</v>
      </c>
      <c r="X2" s="491" t="s">
        <v>1930</v>
      </c>
      <c r="Y2" s="491" t="s">
        <v>1922</v>
      </c>
    </row>
    <row r="3" spans="1:25" ht="41.1" customHeight="1">
      <c r="A3" s="470" t="s">
        <v>973</v>
      </c>
      <c r="B3" s="470" t="s">
        <v>974</v>
      </c>
      <c r="C3" s="527"/>
      <c r="D3" s="291"/>
      <c r="E3" s="481"/>
      <c r="F3" s="705" t="s">
        <v>89</v>
      </c>
      <c r="G3" s="482" t="s">
        <v>926</v>
      </c>
      <c r="H3" s="494"/>
      <c r="I3" s="483"/>
      <c r="J3" s="491" t="s">
        <v>1924</v>
      </c>
      <c r="K3" s="491" t="s">
        <v>1925</v>
      </c>
      <c r="L3" s="491" t="s">
        <v>119</v>
      </c>
      <c r="M3" s="273" t="s">
        <v>1923</v>
      </c>
      <c r="N3" s="491" t="s">
        <v>121</v>
      </c>
      <c r="O3" s="491" t="s">
        <v>121</v>
      </c>
      <c r="P3" s="491" t="s">
        <v>120</v>
      </c>
      <c r="Q3" s="491" t="s">
        <v>120</v>
      </c>
      <c r="R3" s="491" t="s">
        <v>1926</v>
      </c>
      <c r="S3" s="491" t="s">
        <v>1926</v>
      </c>
      <c r="T3" s="491" t="s">
        <v>120</v>
      </c>
      <c r="U3" s="265" t="s">
        <v>1927</v>
      </c>
      <c r="V3" s="265" t="s">
        <v>1928</v>
      </c>
      <c r="W3" s="491" t="s">
        <v>1931</v>
      </c>
      <c r="X3" s="491" t="s">
        <v>1932</v>
      </c>
      <c r="Y3" s="491" t="s">
        <v>1922</v>
      </c>
    </row>
    <row r="4" spans="1:25" ht="36.6" customHeight="1">
      <c r="A4" s="470" t="s">
        <v>993</v>
      </c>
      <c r="B4" s="470" t="s">
        <v>995</v>
      </c>
      <c r="C4" s="525"/>
      <c r="D4" s="296" t="s">
        <v>992</v>
      </c>
      <c r="E4" s="481"/>
      <c r="F4" s="705" t="s">
        <v>89</v>
      </c>
      <c r="G4" s="482" t="s">
        <v>926</v>
      </c>
      <c r="H4" s="496"/>
      <c r="I4" s="483"/>
      <c r="J4" s="491" t="s">
        <v>1949</v>
      </c>
      <c r="K4" s="491" t="s">
        <v>132</v>
      </c>
      <c r="L4" s="491" t="s">
        <v>119</v>
      </c>
      <c r="M4" s="273" t="s">
        <v>1950</v>
      </c>
      <c r="N4" s="491" t="s">
        <v>121</v>
      </c>
      <c r="O4" s="491" t="s">
        <v>121</v>
      </c>
      <c r="P4" s="491" t="s">
        <v>121</v>
      </c>
      <c r="Q4" s="491" t="s">
        <v>120</v>
      </c>
      <c r="R4" s="491" t="s">
        <v>126</v>
      </c>
      <c r="S4" s="491" t="s">
        <v>126</v>
      </c>
      <c r="T4" s="491" t="s">
        <v>121</v>
      </c>
      <c r="U4" s="265" t="s">
        <v>1951</v>
      </c>
      <c r="V4" s="265" t="s">
        <v>1952</v>
      </c>
      <c r="W4" s="491" t="s">
        <v>1953</v>
      </c>
      <c r="X4" s="491" t="s">
        <v>1954</v>
      </c>
      <c r="Y4" s="491" t="s">
        <v>1922</v>
      </c>
    </row>
    <row r="5" spans="1:25" ht="36.6" customHeight="1">
      <c r="A5" s="470" t="s">
        <v>994</v>
      </c>
      <c r="B5" s="470" t="s">
        <v>996</v>
      </c>
      <c r="C5" s="526"/>
      <c r="D5" s="291"/>
      <c r="E5" s="481"/>
      <c r="F5" s="705" t="s">
        <v>89</v>
      </c>
      <c r="G5" s="482" t="s">
        <v>926</v>
      </c>
      <c r="H5" s="496"/>
      <c r="I5" s="483"/>
      <c r="J5" s="491" t="s">
        <v>1949</v>
      </c>
      <c r="K5" s="491" t="s">
        <v>132</v>
      </c>
      <c r="L5" s="491" t="s">
        <v>119</v>
      </c>
      <c r="M5" s="273" t="s">
        <v>1955</v>
      </c>
      <c r="N5" s="491" t="s">
        <v>121</v>
      </c>
      <c r="O5" s="491" t="s">
        <v>121</v>
      </c>
      <c r="P5" s="491" t="s">
        <v>121</v>
      </c>
      <c r="Q5" s="491" t="s">
        <v>120</v>
      </c>
      <c r="R5" s="491" t="s">
        <v>126</v>
      </c>
      <c r="S5" s="491" t="s">
        <v>126</v>
      </c>
      <c r="T5" s="491" t="s">
        <v>121</v>
      </c>
      <c r="U5" s="265" t="s">
        <v>1951</v>
      </c>
      <c r="V5" s="265" t="s">
        <v>1956</v>
      </c>
      <c r="W5" s="491" t="s">
        <v>1957</v>
      </c>
      <c r="X5" s="491" t="s">
        <v>1958</v>
      </c>
      <c r="Y5" s="491" t="s">
        <v>1922</v>
      </c>
    </row>
    <row r="6" spans="1:25" s="42" customFormat="1" ht="38.450000000000003" customHeight="1">
      <c r="A6" s="470" t="s">
        <v>1882</v>
      </c>
      <c r="B6" s="470" t="s">
        <v>1884</v>
      </c>
      <c r="C6" s="466" t="s">
        <v>2605</v>
      </c>
      <c r="D6" s="287"/>
      <c r="E6" s="481"/>
      <c r="F6" s="705" t="s">
        <v>89</v>
      </c>
      <c r="G6" s="482" t="s">
        <v>926</v>
      </c>
      <c r="H6" s="482"/>
      <c r="I6" s="483"/>
      <c r="J6" s="491" t="s">
        <v>1949</v>
      </c>
      <c r="K6" s="491" t="s">
        <v>132</v>
      </c>
      <c r="L6" s="491" t="s">
        <v>119</v>
      </c>
      <c r="M6" s="273" t="s">
        <v>2006</v>
      </c>
      <c r="N6" s="491" t="s">
        <v>121</v>
      </c>
      <c r="O6" s="491" t="s">
        <v>121</v>
      </c>
      <c r="P6" s="491" t="s">
        <v>121</v>
      </c>
      <c r="Q6" s="491" t="s">
        <v>121</v>
      </c>
      <c r="R6" s="491" t="s">
        <v>126</v>
      </c>
      <c r="S6" s="491" t="s">
        <v>126</v>
      </c>
      <c r="T6" s="491" t="s">
        <v>121</v>
      </c>
      <c r="U6" s="265" t="s">
        <v>2007</v>
      </c>
      <c r="V6" s="265" t="s">
        <v>2008</v>
      </c>
      <c r="W6" s="491" t="s">
        <v>2009</v>
      </c>
      <c r="X6" s="491" t="s">
        <v>2010</v>
      </c>
      <c r="Y6" s="491" t="s">
        <v>1922</v>
      </c>
    </row>
    <row r="7" spans="1:25" s="42" customFormat="1" ht="38.450000000000003" customHeight="1">
      <c r="A7" s="470" t="s">
        <v>1883</v>
      </c>
      <c r="B7" s="470" t="s">
        <v>1885</v>
      </c>
      <c r="C7" s="466" t="s">
        <v>2605</v>
      </c>
      <c r="D7" s="287"/>
      <c r="E7" s="481"/>
      <c r="F7" s="705" t="s">
        <v>89</v>
      </c>
      <c r="G7" s="482" t="s">
        <v>926</v>
      </c>
      <c r="H7" s="482"/>
      <c r="I7" s="483"/>
      <c r="J7" s="491" t="s">
        <v>1949</v>
      </c>
      <c r="K7" s="491" t="s">
        <v>132</v>
      </c>
      <c r="L7" s="491" t="s">
        <v>119</v>
      </c>
      <c r="M7" s="273" t="s">
        <v>1950</v>
      </c>
      <c r="N7" s="491" t="s">
        <v>121</v>
      </c>
      <c r="O7" s="491" t="s">
        <v>121</v>
      </c>
      <c r="P7" s="491" t="s">
        <v>121</v>
      </c>
      <c r="Q7" s="491" t="s">
        <v>121</v>
      </c>
      <c r="R7" s="491" t="s">
        <v>126</v>
      </c>
      <c r="S7" s="491" t="s">
        <v>126</v>
      </c>
      <c r="T7" s="491" t="s">
        <v>121</v>
      </c>
      <c r="U7" s="265" t="s">
        <v>2007</v>
      </c>
      <c r="V7" s="265" t="s">
        <v>2011</v>
      </c>
      <c r="W7" s="491" t="s">
        <v>2012</v>
      </c>
      <c r="X7" s="491" t="s">
        <v>2013</v>
      </c>
      <c r="Y7" s="491" t="s">
        <v>1922</v>
      </c>
    </row>
    <row r="8" spans="1:25" ht="66.599999999999994" customHeight="1">
      <c r="A8" s="470" t="s">
        <v>1853</v>
      </c>
      <c r="B8" s="470" t="s">
        <v>1854</v>
      </c>
      <c r="C8" s="294"/>
      <c r="D8" s="456"/>
      <c r="E8" s="295"/>
      <c r="F8" s="705" t="s">
        <v>89</v>
      </c>
      <c r="G8" s="482" t="s">
        <v>926</v>
      </c>
      <c r="H8" s="482"/>
    </row>
    <row r="9" spans="1:25" ht="32.1" customHeight="1">
      <c r="A9" s="470" t="s">
        <v>1005</v>
      </c>
      <c r="B9" s="470" t="s">
        <v>1006</v>
      </c>
      <c r="C9" s="106"/>
      <c r="D9" s="285"/>
      <c r="E9" s="286"/>
      <c r="F9" s="705" t="s">
        <v>89</v>
      </c>
      <c r="G9" s="482" t="s">
        <v>926</v>
      </c>
      <c r="H9" s="482"/>
    </row>
    <row r="10" spans="1:25">
      <c r="A10" s="470" t="s">
        <v>963</v>
      </c>
      <c r="B10" s="470" t="s">
        <v>964</v>
      </c>
      <c r="C10" s="106"/>
      <c r="D10" s="285"/>
      <c r="E10" s="286"/>
      <c r="F10" s="705" t="s">
        <v>89</v>
      </c>
      <c r="G10" s="482" t="s">
        <v>926</v>
      </c>
      <c r="H10" s="482"/>
    </row>
  </sheetData>
  <pageMargins left="0.7" right="0.7" top="0.75" bottom="0.75" header="0.3" footer="0.3"/>
  <pageSetup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157"/>
  <sheetViews>
    <sheetView zoomScale="80" zoomScaleNormal="80" workbookViewId="0">
      <pane xSplit="3" ySplit="1" topLeftCell="D17" activePane="bottomRight" state="frozen"/>
      <selection pane="topRight" activeCell="E1" sqref="E1"/>
      <selection pane="bottomLeft" activeCell="A2" sqref="A2"/>
      <selection pane="bottomRight" activeCell="L21" sqref="L21"/>
    </sheetView>
  </sheetViews>
  <sheetFormatPr defaultColWidth="9" defaultRowHeight="15"/>
  <cols>
    <col min="1" max="1" width="8.85546875" style="215" customWidth="1"/>
    <col min="2" max="2" width="24.5703125" style="215" customWidth="1"/>
    <col min="3" max="3" width="18.7109375" customWidth="1"/>
    <col min="4" max="4" width="37.42578125" style="227" customWidth="1"/>
    <col min="5" max="5" width="12.42578125" customWidth="1"/>
    <col min="6" max="6" width="13.140625" bestFit="1" customWidth="1"/>
    <col min="7" max="7" width="2.7109375" customWidth="1"/>
  </cols>
  <sheetData>
    <row r="1" spans="1:7" s="51" customFormat="1" ht="31.5" customHeight="1">
      <c r="A1" s="228" t="s">
        <v>845</v>
      </c>
      <c r="B1" s="228" t="s">
        <v>835</v>
      </c>
      <c r="C1" s="228" t="s">
        <v>115</v>
      </c>
      <c r="D1" s="62" t="s">
        <v>828</v>
      </c>
      <c r="E1" s="54" t="s">
        <v>86</v>
      </c>
      <c r="F1" s="54" t="s">
        <v>1592</v>
      </c>
      <c r="G1" s="55"/>
    </row>
    <row r="2" spans="1:7" s="7" customFormat="1" ht="15.75">
      <c r="A2" s="68"/>
      <c r="B2" s="448" t="s">
        <v>104</v>
      </c>
      <c r="C2" s="116"/>
      <c r="D2" s="230"/>
      <c r="E2" s="56"/>
      <c r="F2" s="56"/>
      <c r="G2" s="56"/>
    </row>
    <row r="3" spans="1:7" s="7" customFormat="1">
      <c r="A3" s="64"/>
      <c r="B3" s="79" t="s">
        <v>105</v>
      </c>
      <c r="C3" s="64"/>
      <c r="D3" s="229"/>
      <c r="E3" s="58"/>
      <c r="F3" s="58"/>
      <c r="G3" s="58"/>
    </row>
    <row r="4" spans="1:7" ht="36.6" customHeight="1">
      <c r="A4" s="397" t="s">
        <v>1437</v>
      </c>
      <c r="B4" s="397" t="s">
        <v>1438</v>
      </c>
      <c r="C4" s="398"/>
      <c r="D4" s="785" t="s">
        <v>1439</v>
      </c>
      <c r="E4" s="241" t="s">
        <v>957</v>
      </c>
      <c r="F4" s="253"/>
      <c r="G4" s="57"/>
    </row>
    <row r="5" spans="1:7" ht="36.6" customHeight="1">
      <c r="A5" s="397" t="s">
        <v>1440</v>
      </c>
      <c r="B5" s="397" t="s">
        <v>1441</v>
      </c>
      <c r="C5" s="399"/>
      <c r="D5" s="782"/>
      <c r="E5" s="241" t="s">
        <v>957</v>
      </c>
      <c r="F5" s="253"/>
      <c r="G5" s="57"/>
    </row>
    <row r="6" spans="1:7" ht="36.6" customHeight="1">
      <c r="A6" s="397" t="s">
        <v>1442</v>
      </c>
      <c r="B6" s="397" t="s">
        <v>1443</v>
      </c>
      <c r="C6" s="399"/>
      <c r="D6" s="786"/>
      <c r="E6" s="241" t="s">
        <v>957</v>
      </c>
      <c r="F6" s="254"/>
      <c r="G6" s="57"/>
    </row>
    <row r="7" spans="1:7" ht="36.6" customHeight="1">
      <c r="A7" s="392" t="s">
        <v>1444</v>
      </c>
      <c r="B7" s="397" t="s">
        <v>1445</v>
      </c>
      <c r="C7" s="399"/>
      <c r="D7" s="781" t="s">
        <v>1446</v>
      </c>
      <c r="E7" s="241" t="s">
        <v>957</v>
      </c>
      <c r="F7" s="253"/>
      <c r="G7" s="57"/>
    </row>
    <row r="8" spans="1:7" ht="36.6" customHeight="1">
      <c r="A8" s="392" t="s">
        <v>1447</v>
      </c>
      <c r="B8" s="397" t="s">
        <v>1448</v>
      </c>
      <c r="C8" s="399"/>
      <c r="D8" s="782"/>
      <c r="E8" s="241" t="s">
        <v>957</v>
      </c>
      <c r="F8" s="253"/>
      <c r="G8" s="57"/>
    </row>
    <row r="9" spans="1:7" ht="36.6" customHeight="1">
      <c r="A9" s="392" t="s">
        <v>1449</v>
      </c>
      <c r="B9" s="397" t="s">
        <v>1450</v>
      </c>
      <c r="C9" s="399"/>
      <c r="D9" s="787"/>
      <c r="E9" s="241" t="s">
        <v>957</v>
      </c>
      <c r="F9" s="253"/>
      <c r="G9" s="57"/>
    </row>
    <row r="10" spans="1:7" ht="36.6" customHeight="1">
      <c r="A10" s="389" t="s">
        <v>1451</v>
      </c>
      <c r="B10" s="397" t="s">
        <v>1452</v>
      </c>
      <c r="C10" s="394"/>
      <c r="D10" s="400" t="s">
        <v>1453</v>
      </c>
      <c r="E10" s="241" t="s">
        <v>957</v>
      </c>
      <c r="F10" s="253"/>
      <c r="G10" s="57"/>
    </row>
    <row r="11" spans="1:7" ht="36.6" customHeight="1">
      <c r="A11" s="389" t="s">
        <v>1454</v>
      </c>
      <c r="B11" s="397" t="s">
        <v>1455</v>
      </c>
      <c r="C11" s="394"/>
      <c r="D11" s="400" t="s">
        <v>1456</v>
      </c>
      <c r="E11" s="241" t="s">
        <v>957</v>
      </c>
      <c r="F11" s="253"/>
      <c r="G11" s="57"/>
    </row>
    <row r="12" spans="1:7" ht="36.6" customHeight="1">
      <c r="A12" s="389" t="s">
        <v>1457</v>
      </c>
      <c r="B12" s="397" t="s">
        <v>1458</v>
      </c>
      <c r="C12" s="393" t="s">
        <v>1459</v>
      </c>
      <c r="D12" s="783" t="s">
        <v>1460</v>
      </c>
      <c r="E12" s="241" t="s">
        <v>957</v>
      </c>
      <c r="F12" s="253"/>
      <c r="G12" s="57"/>
    </row>
    <row r="13" spans="1:7" ht="32.1" customHeight="1">
      <c r="A13" s="389" t="s">
        <v>1461</v>
      </c>
      <c r="B13" s="397" t="s">
        <v>1462</v>
      </c>
      <c r="D13" s="784"/>
      <c r="E13" s="241" t="s">
        <v>957</v>
      </c>
      <c r="F13" s="241"/>
      <c r="G13" s="57"/>
    </row>
    <row r="14" spans="1:7" ht="32.450000000000003" customHeight="1">
      <c r="A14" s="389" t="s">
        <v>1463</v>
      </c>
      <c r="B14" s="397" t="s">
        <v>1464</v>
      </c>
      <c r="C14" s="393" t="s">
        <v>1436</v>
      </c>
      <c r="D14" s="783" t="s">
        <v>1465</v>
      </c>
      <c r="E14" s="241" t="s">
        <v>957</v>
      </c>
      <c r="F14" s="241"/>
      <c r="G14" s="57"/>
    </row>
    <row r="15" spans="1:7" ht="32.450000000000003" customHeight="1">
      <c r="A15" s="389" t="s">
        <v>1466</v>
      </c>
      <c r="B15" s="397" t="s">
        <v>1467</v>
      </c>
      <c r="C15" s="401"/>
      <c r="D15" s="784"/>
      <c r="E15" s="241" t="s">
        <v>957</v>
      </c>
      <c r="F15" s="253"/>
      <c r="G15" s="57"/>
    </row>
    <row r="16" spans="1:7" ht="32.450000000000003" customHeight="1">
      <c r="A16" s="389" t="s">
        <v>1468</v>
      </c>
      <c r="B16" s="392" t="s">
        <v>1469</v>
      </c>
      <c r="C16" s="393"/>
      <c r="D16" s="783" t="s">
        <v>1470</v>
      </c>
      <c r="E16" s="241" t="s">
        <v>957</v>
      </c>
      <c r="F16" s="253"/>
      <c r="G16" s="57"/>
    </row>
    <row r="17" spans="1:7" ht="44.25" customHeight="1">
      <c r="A17" s="389" t="s">
        <v>1471</v>
      </c>
      <c r="B17" s="392" t="s">
        <v>1472</v>
      </c>
      <c r="C17" s="401"/>
      <c r="D17" s="784"/>
      <c r="E17" s="241" t="s">
        <v>957</v>
      </c>
      <c r="F17" s="260"/>
      <c r="G17" s="57"/>
    </row>
    <row r="18" spans="1:7" ht="36.6" customHeight="1">
      <c r="A18" s="389" t="s">
        <v>1473</v>
      </c>
      <c r="B18" s="397" t="s">
        <v>1474</v>
      </c>
      <c r="D18" s="783" t="s">
        <v>1475</v>
      </c>
      <c r="E18" s="241" t="s">
        <v>957</v>
      </c>
      <c r="F18" s="260"/>
      <c r="G18" s="57"/>
    </row>
    <row r="19" spans="1:7" ht="36.6" customHeight="1">
      <c r="A19" s="389" t="s">
        <v>1476</v>
      </c>
      <c r="B19" s="397" t="s">
        <v>1477</v>
      </c>
      <c r="C19" s="394"/>
      <c r="D19" s="784"/>
      <c r="E19" s="241" t="s">
        <v>957</v>
      </c>
      <c r="F19" s="297"/>
      <c r="G19" s="57"/>
    </row>
    <row r="20" spans="1:7" ht="36.6" customHeight="1">
      <c r="A20" s="389" t="s">
        <v>1478</v>
      </c>
      <c r="B20" s="397" t="s">
        <v>1479</v>
      </c>
      <c r="C20" s="393" t="s">
        <v>1436</v>
      </c>
      <c r="D20" s="783" t="s">
        <v>1480</v>
      </c>
      <c r="E20" s="241" t="s">
        <v>957</v>
      </c>
      <c r="F20" s="297"/>
      <c r="G20" s="57"/>
    </row>
    <row r="21" spans="1:7" ht="36.6" customHeight="1">
      <c r="A21" s="389" t="s">
        <v>1481</v>
      </c>
      <c r="B21" s="397" t="s">
        <v>1482</v>
      </c>
      <c r="C21" s="401"/>
      <c r="D21" s="784"/>
      <c r="E21" s="241" t="s">
        <v>957</v>
      </c>
      <c r="F21" s="297"/>
      <c r="G21" s="57"/>
    </row>
    <row r="22" spans="1:7" ht="36.6" customHeight="1">
      <c r="A22" s="392" t="s">
        <v>1627</v>
      </c>
      <c r="B22" s="414" t="s">
        <v>1628</v>
      </c>
      <c r="C22" s="415"/>
      <c r="D22" s="788" t="s">
        <v>1629</v>
      </c>
      <c r="E22" s="241" t="s">
        <v>957</v>
      </c>
      <c r="F22" s="297"/>
      <c r="G22" s="57"/>
    </row>
    <row r="23" spans="1:7" ht="36.6" customHeight="1">
      <c r="A23" s="392" t="s">
        <v>1630</v>
      </c>
      <c r="B23" s="414" t="s">
        <v>1631</v>
      </c>
      <c r="C23" s="416"/>
      <c r="D23" s="789"/>
      <c r="E23" s="241" t="s">
        <v>957</v>
      </c>
      <c r="F23" s="297"/>
      <c r="G23" s="57"/>
    </row>
    <row r="24" spans="1:7" ht="36.6" customHeight="1">
      <c r="A24" s="392" t="s">
        <v>1632</v>
      </c>
      <c r="B24" s="414" t="s">
        <v>1633</v>
      </c>
      <c r="C24" s="415"/>
      <c r="D24" s="788" t="s">
        <v>1634</v>
      </c>
      <c r="E24" s="241" t="s">
        <v>957</v>
      </c>
      <c r="F24" s="297"/>
      <c r="G24" s="57"/>
    </row>
    <row r="25" spans="1:7" ht="36.6" customHeight="1">
      <c r="A25" s="392" t="s">
        <v>1635</v>
      </c>
      <c r="B25" s="414" t="s">
        <v>1636</v>
      </c>
      <c r="C25" s="416"/>
      <c r="D25" s="789"/>
      <c r="E25" s="241" t="s">
        <v>957</v>
      </c>
      <c r="F25" s="297"/>
      <c r="G25" s="57"/>
    </row>
    <row r="26" spans="1:7" ht="36.6" customHeight="1">
      <c r="A26" s="392" t="s">
        <v>1637</v>
      </c>
      <c r="B26" s="414" t="s">
        <v>1638</v>
      </c>
      <c r="C26" s="417"/>
      <c r="D26" s="793" t="s">
        <v>1639</v>
      </c>
      <c r="E26" s="241" t="s">
        <v>957</v>
      </c>
      <c r="F26" s="241" t="s">
        <v>1656</v>
      </c>
      <c r="G26" s="57"/>
    </row>
    <row r="27" spans="1:7" ht="36.6" customHeight="1">
      <c r="A27" s="392" t="s">
        <v>1640</v>
      </c>
      <c r="B27" s="414" t="s">
        <v>1641</v>
      </c>
      <c r="C27" s="416"/>
      <c r="D27" s="794"/>
      <c r="E27" s="241" t="s">
        <v>957</v>
      </c>
      <c r="F27" s="241" t="s">
        <v>1657</v>
      </c>
      <c r="G27" s="57"/>
    </row>
    <row r="28" spans="1:7" ht="36.6" customHeight="1">
      <c r="A28" s="397" t="s">
        <v>1642</v>
      </c>
      <c r="B28" s="414" t="s">
        <v>1643</v>
      </c>
      <c r="C28" s="418"/>
      <c r="D28" s="419" t="s">
        <v>1644</v>
      </c>
      <c r="E28" s="241" t="s">
        <v>957</v>
      </c>
      <c r="F28" s="241" t="s">
        <v>1658</v>
      </c>
      <c r="G28" s="57"/>
    </row>
    <row r="29" spans="1:7" ht="36.6" customHeight="1">
      <c r="A29" s="397" t="s">
        <v>1645</v>
      </c>
      <c r="B29" s="414" t="s">
        <v>1646</v>
      </c>
      <c r="C29" s="418"/>
      <c r="D29" s="420" t="s">
        <v>1647</v>
      </c>
      <c r="E29" s="241" t="s">
        <v>957</v>
      </c>
      <c r="F29" s="241" t="s">
        <v>1659</v>
      </c>
      <c r="G29" s="57"/>
    </row>
    <row r="30" spans="1:7" ht="36.6" customHeight="1">
      <c r="A30" s="397" t="s">
        <v>687</v>
      </c>
      <c r="B30" s="414" t="s">
        <v>1648</v>
      </c>
      <c r="C30" s="421"/>
      <c r="D30" s="420" t="s">
        <v>1649</v>
      </c>
      <c r="E30" s="241" t="s">
        <v>957</v>
      </c>
      <c r="F30" s="241" t="s">
        <v>1660</v>
      </c>
      <c r="G30" s="57"/>
    </row>
    <row r="31" spans="1:7" ht="36.6" customHeight="1">
      <c r="A31" s="392" t="s">
        <v>1650</v>
      </c>
      <c r="B31" s="414" t="s">
        <v>1651</v>
      </c>
      <c r="C31" s="415"/>
      <c r="D31" s="422" t="s">
        <v>1652</v>
      </c>
      <c r="E31" s="241" t="s">
        <v>957</v>
      </c>
      <c r="F31" s="241"/>
      <c r="G31" s="57"/>
    </row>
    <row r="32" spans="1:7" ht="36.6" customHeight="1">
      <c r="A32" s="397" t="s">
        <v>1653</v>
      </c>
      <c r="B32" s="414" t="s">
        <v>1654</v>
      </c>
      <c r="C32" s="423"/>
      <c r="D32" s="424" t="s">
        <v>1655</v>
      </c>
      <c r="E32" s="241" t="s">
        <v>957</v>
      </c>
      <c r="F32" s="241" t="s">
        <v>1661</v>
      </c>
      <c r="G32" s="57"/>
    </row>
    <row r="33" spans="1:7" ht="36.6" customHeight="1">
      <c r="A33" s="449" t="s">
        <v>2</v>
      </c>
      <c r="B33" s="449" t="s">
        <v>807</v>
      </c>
      <c r="C33" s="790"/>
      <c r="D33" s="265" t="s">
        <v>865</v>
      </c>
      <c r="E33" s="241" t="s">
        <v>957</v>
      </c>
      <c r="F33" s="297"/>
      <c r="G33" s="57"/>
    </row>
    <row r="34" spans="1:7" ht="36.6" customHeight="1">
      <c r="A34" s="449" t="s">
        <v>3</v>
      </c>
      <c r="B34" s="449" t="s">
        <v>808</v>
      </c>
      <c r="C34" s="780"/>
      <c r="D34" s="265" t="s">
        <v>866</v>
      </c>
      <c r="E34" s="241" t="s">
        <v>957</v>
      </c>
      <c r="F34" s="297"/>
      <c r="G34" s="57"/>
    </row>
    <row r="35" spans="1:7" s="7" customFormat="1">
      <c r="A35" s="64"/>
      <c r="B35" s="79" t="s">
        <v>108</v>
      </c>
      <c r="C35" s="64"/>
      <c r="D35" s="264"/>
      <c r="E35" s="251"/>
      <c r="F35" s="251"/>
      <c r="G35" s="57"/>
    </row>
    <row r="36" spans="1:7" ht="39" customHeight="1">
      <c r="A36" s="450" t="s">
        <v>144</v>
      </c>
      <c r="B36" s="449" t="s">
        <v>803</v>
      </c>
      <c r="C36" s="779"/>
      <c r="D36" s="262" t="s">
        <v>862</v>
      </c>
      <c r="E36" s="241" t="s">
        <v>957</v>
      </c>
      <c r="F36" s="241"/>
      <c r="G36" s="57"/>
    </row>
    <row r="37" spans="1:7" ht="39" customHeight="1">
      <c r="A37" s="450" t="s">
        <v>145</v>
      </c>
      <c r="B37" s="449" t="s">
        <v>804</v>
      </c>
      <c r="C37" s="780"/>
      <c r="D37" s="262" t="s">
        <v>862</v>
      </c>
      <c r="E37" s="241" t="s">
        <v>957</v>
      </c>
      <c r="F37" s="241"/>
      <c r="G37" s="57"/>
    </row>
    <row r="38" spans="1:7" ht="39.75" customHeight="1">
      <c r="A38" s="450" t="s">
        <v>146</v>
      </c>
      <c r="B38" s="449" t="s">
        <v>805</v>
      </c>
      <c r="C38" s="779"/>
      <c r="D38" s="262" t="s">
        <v>863</v>
      </c>
      <c r="E38" s="241" t="s">
        <v>957</v>
      </c>
      <c r="F38" s="241"/>
      <c r="G38" s="57"/>
    </row>
    <row r="39" spans="1:7" ht="38.25" customHeight="1">
      <c r="A39" s="450" t="s">
        <v>147</v>
      </c>
      <c r="B39" s="449" t="s">
        <v>806</v>
      </c>
      <c r="C39" s="780"/>
      <c r="D39" s="267" t="s">
        <v>863</v>
      </c>
      <c r="E39" s="241" t="s">
        <v>957</v>
      </c>
      <c r="F39" s="241"/>
      <c r="G39" s="57"/>
    </row>
    <row r="40" spans="1:7" s="42" customFormat="1" ht="36.6" customHeight="1">
      <c r="A40" s="392" t="s">
        <v>1495</v>
      </c>
      <c r="B40" s="397" t="s">
        <v>1496</v>
      </c>
      <c r="C40" s="398"/>
      <c r="D40" s="781" t="s">
        <v>1497</v>
      </c>
      <c r="E40" s="241" t="s">
        <v>957</v>
      </c>
      <c r="F40" s="241" t="s">
        <v>1562</v>
      </c>
      <c r="G40" s="57"/>
    </row>
    <row r="41" spans="1:7" s="42" customFormat="1" ht="36.6" customHeight="1">
      <c r="A41" s="392" t="s">
        <v>1498</v>
      </c>
      <c r="B41" s="397" t="s">
        <v>1499</v>
      </c>
      <c r="C41" s="399"/>
      <c r="D41" s="786"/>
      <c r="E41" s="241" t="s">
        <v>957</v>
      </c>
      <c r="F41" s="241" t="s">
        <v>1563</v>
      </c>
      <c r="G41" s="57"/>
    </row>
    <row r="42" spans="1:7" s="42" customFormat="1" ht="43.5" customHeight="1">
      <c r="A42" s="392" t="s">
        <v>1500</v>
      </c>
      <c r="B42" s="397" t="s">
        <v>1501</v>
      </c>
      <c r="C42" s="399"/>
      <c r="D42" s="781" t="s">
        <v>1502</v>
      </c>
      <c r="E42" s="241" t="s">
        <v>957</v>
      </c>
      <c r="F42" s="241" t="s">
        <v>1564</v>
      </c>
      <c r="G42" s="57"/>
    </row>
    <row r="43" spans="1:7" s="42" customFormat="1" ht="43.5" customHeight="1">
      <c r="A43" s="392" t="s">
        <v>1503</v>
      </c>
      <c r="B43" s="397" t="s">
        <v>1504</v>
      </c>
      <c r="C43" s="399"/>
      <c r="D43" s="782"/>
      <c r="E43" s="241" t="s">
        <v>957</v>
      </c>
      <c r="F43" s="241" t="s">
        <v>1565</v>
      </c>
      <c r="G43" s="57"/>
    </row>
    <row r="44" spans="1:7" s="42" customFormat="1" ht="43.5" customHeight="1">
      <c r="A44" s="392" t="s">
        <v>1505</v>
      </c>
      <c r="B44" s="397" t="s">
        <v>1506</v>
      </c>
      <c r="C44" s="404"/>
      <c r="D44" s="400" t="s">
        <v>1507</v>
      </c>
      <c r="E44" s="241" t="s">
        <v>957</v>
      </c>
      <c r="F44" s="241"/>
      <c r="G44" s="57"/>
    </row>
    <row r="45" spans="1:7" s="42" customFormat="1" ht="43.5" customHeight="1">
      <c r="A45" s="392" t="s">
        <v>1508</v>
      </c>
      <c r="B45" s="397" t="s">
        <v>1509</v>
      </c>
      <c r="C45" s="404"/>
      <c r="D45" s="400" t="s">
        <v>1510</v>
      </c>
      <c r="E45" s="241" t="s">
        <v>957</v>
      </c>
      <c r="F45" s="241"/>
      <c r="G45" s="57"/>
    </row>
    <row r="46" spans="1:7" s="42" customFormat="1" ht="43.5" customHeight="1">
      <c r="A46" s="392" t="s">
        <v>1511</v>
      </c>
      <c r="B46" s="397" t="s">
        <v>1512</v>
      </c>
      <c r="C46" s="393"/>
      <c r="D46" s="783" t="s">
        <v>1513</v>
      </c>
      <c r="E46" s="241" t="s">
        <v>957</v>
      </c>
      <c r="F46" s="241"/>
      <c r="G46" s="57"/>
    </row>
    <row r="47" spans="1:7" s="42" customFormat="1" ht="33.75" customHeight="1">
      <c r="A47" s="392" t="s">
        <v>1514</v>
      </c>
      <c r="B47" s="397" t="s">
        <v>1515</v>
      </c>
      <c r="C47" s="391"/>
      <c r="D47" s="784"/>
      <c r="E47" s="241" t="s">
        <v>957</v>
      </c>
      <c r="F47" s="241"/>
      <c r="G47" s="57"/>
    </row>
    <row r="48" spans="1:7" s="42" customFormat="1" ht="33" customHeight="1">
      <c r="A48" s="392" t="s">
        <v>1516</v>
      </c>
      <c r="B48" s="397" t="s">
        <v>1517</v>
      </c>
      <c r="C48" s="393" t="s">
        <v>1436</v>
      </c>
      <c r="D48" s="783" t="s">
        <v>1518</v>
      </c>
      <c r="E48" s="241" t="s">
        <v>957</v>
      </c>
      <c r="F48" s="241" t="s">
        <v>1496</v>
      </c>
      <c r="G48" s="57"/>
    </row>
    <row r="49" spans="1:7" s="42" customFormat="1" ht="33" customHeight="1">
      <c r="A49" s="392" t="s">
        <v>1519</v>
      </c>
      <c r="B49" s="397" t="s">
        <v>1520</v>
      </c>
      <c r="C49" s="391"/>
      <c r="D49" s="784"/>
      <c r="E49" s="241" t="s">
        <v>957</v>
      </c>
      <c r="F49" s="241" t="s">
        <v>1499</v>
      </c>
      <c r="G49" s="57"/>
    </row>
    <row r="50" spans="1:7" s="42" customFormat="1" ht="33" customHeight="1">
      <c r="A50" s="392" t="s">
        <v>1521</v>
      </c>
      <c r="B50" s="397" t="s">
        <v>1522</v>
      </c>
      <c r="C50" s="393" t="s">
        <v>1436</v>
      </c>
      <c r="D50" s="781" t="s">
        <v>1523</v>
      </c>
      <c r="E50" s="241" t="s">
        <v>957</v>
      </c>
      <c r="F50" s="241" t="s">
        <v>1566</v>
      </c>
      <c r="G50" s="57"/>
    </row>
    <row r="51" spans="1:7" s="42" customFormat="1" ht="33.75" customHeight="1">
      <c r="A51" s="392" t="s">
        <v>1524</v>
      </c>
      <c r="B51" s="397" t="s">
        <v>1525</v>
      </c>
      <c r="C51" s="399"/>
      <c r="D51" s="782"/>
      <c r="E51" s="241" t="s">
        <v>957</v>
      </c>
      <c r="F51" s="241" t="s">
        <v>1567</v>
      </c>
      <c r="G51" s="57"/>
    </row>
    <row r="52" spans="1:7" s="42" customFormat="1" ht="33" customHeight="1">
      <c r="A52" s="392" t="s">
        <v>1526</v>
      </c>
      <c r="B52" s="397" t="s">
        <v>1527</v>
      </c>
      <c r="C52" s="405"/>
      <c r="D52" s="795" t="s">
        <v>1528</v>
      </c>
      <c r="E52" s="241" t="s">
        <v>957</v>
      </c>
      <c r="F52" s="241" t="s">
        <v>1568</v>
      </c>
      <c r="G52" s="57"/>
    </row>
    <row r="53" spans="1:7" ht="36.6" customHeight="1">
      <c r="A53" s="392" t="s">
        <v>1529</v>
      </c>
      <c r="B53" s="397" t="s">
        <v>1530</v>
      </c>
      <c r="C53" s="404"/>
      <c r="D53" s="796"/>
      <c r="E53" s="241" t="s">
        <v>957</v>
      </c>
      <c r="F53" s="241" t="s">
        <v>1569</v>
      </c>
      <c r="G53" s="57"/>
    </row>
    <row r="54" spans="1:7" ht="36.6" customHeight="1">
      <c r="A54" s="392" t="s">
        <v>1531</v>
      </c>
      <c r="B54" s="397" t="s">
        <v>1532</v>
      </c>
      <c r="C54" s="404"/>
      <c r="D54" s="797" t="s">
        <v>1533</v>
      </c>
      <c r="E54" s="241" t="s">
        <v>957</v>
      </c>
      <c r="F54" s="241" t="s">
        <v>1570</v>
      </c>
      <c r="G54" s="57"/>
    </row>
    <row r="55" spans="1:7" s="42" customFormat="1" ht="45.75" customHeight="1">
      <c r="A55" s="392" t="s">
        <v>1534</v>
      </c>
      <c r="B55" s="397" t="s">
        <v>1535</v>
      </c>
      <c r="C55" s="404"/>
      <c r="D55" s="798"/>
      <c r="E55" s="241" t="s">
        <v>957</v>
      </c>
      <c r="F55" s="241" t="s">
        <v>1571</v>
      </c>
      <c r="G55" s="57"/>
    </row>
    <row r="56" spans="1:7" s="42" customFormat="1" ht="48" customHeight="1">
      <c r="A56" s="389" t="s">
        <v>1536</v>
      </c>
      <c r="B56" s="397" t="s">
        <v>1537</v>
      </c>
      <c r="C56" s="394"/>
      <c r="D56" s="400" t="s">
        <v>1538</v>
      </c>
      <c r="E56" s="241" t="s">
        <v>957</v>
      </c>
      <c r="F56" s="241"/>
      <c r="G56" s="57"/>
    </row>
    <row r="57" spans="1:7" s="42" customFormat="1" ht="48" customHeight="1">
      <c r="A57" s="389" t="s">
        <v>1539</v>
      </c>
      <c r="B57" s="397" t="s">
        <v>1540</v>
      </c>
      <c r="C57" s="394"/>
      <c r="D57" s="400" t="s">
        <v>1541</v>
      </c>
      <c r="E57" s="241" t="s">
        <v>957</v>
      </c>
      <c r="F57" s="241"/>
      <c r="G57" s="57"/>
    </row>
    <row r="58" spans="1:7" s="42" customFormat="1" ht="48" customHeight="1">
      <c r="A58" s="389" t="s">
        <v>1542</v>
      </c>
      <c r="B58" s="397" t="s">
        <v>1543</v>
      </c>
      <c r="C58" s="393" t="s">
        <v>1436</v>
      </c>
      <c r="D58" s="783" t="s">
        <v>1544</v>
      </c>
      <c r="E58" s="241" t="s">
        <v>957</v>
      </c>
      <c r="F58" s="241" t="s">
        <v>1527</v>
      </c>
      <c r="G58" s="57"/>
    </row>
    <row r="59" spans="1:7" s="42" customFormat="1" ht="48" customHeight="1">
      <c r="A59" s="389" t="s">
        <v>1545</v>
      </c>
      <c r="B59" s="397" t="s">
        <v>1546</v>
      </c>
      <c r="C59" s="401"/>
      <c r="D59" s="784"/>
      <c r="E59" s="241" t="s">
        <v>957</v>
      </c>
      <c r="F59" s="241" t="s">
        <v>1530</v>
      </c>
      <c r="G59" s="57"/>
    </row>
    <row r="60" spans="1:7" s="42" customFormat="1" ht="48" customHeight="1">
      <c r="A60" s="389" t="s">
        <v>1547</v>
      </c>
      <c r="B60" s="397" t="s">
        <v>1548</v>
      </c>
      <c r="C60" s="393"/>
      <c r="D60" s="783" t="s">
        <v>1549</v>
      </c>
      <c r="E60" s="241" t="s">
        <v>957</v>
      </c>
      <c r="F60" s="241"/>
      <c r="G60" s="57"/>
    </row>
    <row r="61" spans="1:7" s="42" customFormat="1" ht="48" customHeight="1">
      <c r="A61" s="389" t="s">
        <v>1550</v>
      </c>
      <c r="B61" s="397" t="s">
        <v>1551</v>
      </c>
      <c r="C61" s="401"/>
      <c r="D61" s="784"/>
      <c r="E61" s="241" t="s">
        <v>957</v>
      </c>
      <c r="F61" s="241"/>
      <c r="G61" s="57"/>
    </row>
    <row r="62" spans="1:7" s="42" customFormat="1" ht="48" customHeight="1">
      <c r="A62" s="389" t="s">
        <v>1552</v>
      </c>
      <c r="B62" s="397" t="s">
        <v>1553</v>
      </c>
      <c r="C62" s="393"/>
      <c r="D62" s="783" t="s">
        <v>1554</v>
      </c>
      <c r="E62" s="241" t="s">
        <v>957</v>
      </c>
      <c r="F62" s="241"/>
      <c r="G62" s="57"/>
    </row>
    <row r="63" spans="1:7" s="42" customFormat="1" ht="48" customHeight="1">
      <c r="A63" s="389" t="s">
        <v>1555</v>
      </c>
      <c r="B63" s="397" t="s">
        <v>1556</v>
      </c>
      <c r="C63" s="404"/>
      <c r="D63" s="784"/>
      <c r="E63" s="241" t="s">
        <v>957</v>
      </c>
      <c r="F63" s="241"/>
      <c r="G63" s="57"/>
    </row>
    <row r="64" spans="1:7" s="42" customFormat="1" ht="48" customHeight="1">
      <c r="A64" s="392" t="s">
        <v>1557</v>
      </c>
      <c r="B64" s="392" t="s">
        <v>1558</v>
      </c>
      <c r="C64" s="393" t="s">
        <v>1436</v>
      </c>
      <c r="D64" s="797" t="s">
        <v>1559</v>
      </c>
      <c r="E64" s="241" t="s">
        <v>957</v>
      </c>
      <c r="F64" s="241" t="s">
        <v>1570</v>
      </c>
      <c r="G64" s="57"/>
    </row>
    <row r="65" spans="1:7" s="42" customFormat="1" ht="48" customHeight="1">
      <c r="A65" s="392" t="s">
        <v>1560</v>
      </c>
      <c r="B65" s="392" t="s">
        <v>1561</v>
      </c>
      <c r="C65" s="404"/>
      <c r="D65" s="798"/>
      <c r="E65" s="241" t="s">
        <v>957</v>
      </c>
      <c r="F65" s="241" t="s">
        <v>1571</v>
      </c>
      <c r="G65" s="57"/>
    </row>
    <row r="66" spans="1:7" s="42" customFormat="1" ht="48" customHeight="1">
      <c r="A66" s="392" t="s">
        <v>1662</v>
      </c>
      <c r="B66" s="414" t="s">
        <v>1663</v>
      </c>
      <c r="C66" s="415"/>
      <c r="D66" s="788" t="s">
        <v>1664</v>
      </c>
      <c r="E66" s="241" t="s">
        <v>957</v>
      </c>
      <c r="F66" s="241" t="s">
        <v>1667</v>
      </c>
      <c r="G66" s="57"/>
    </row>
    <row r="67" spans="1:7" s="42" customFormat="1" ht="48" customHeight="1">
      <c r="A67" s="392" t="s">
        <v>1665</v>
      </c>
      <c r="B67" s="414" t="s">
        <v>1666</v>
      </c>
      <c r="C67" s="415"/>
      <c r="D67" s="789"/>
      <c r="E67" s="241" t="s">
        <v>957</v>
      </c>
      <c r="F67" s="241" t="s">
        <v>1668</v>
      </c>
      <c r="G67" s="57"/>
    </row>
    <row r="68" spans="1:7" s="42" customFormat="1" ht="48" customHeight="1">
      <c r="A68" s="392" t="s">
        <v>1669</v>
      </c>
      <c r="B68" s="414" t="s">
        <v>1670</v>
      </c>
      <c r="C68" s="417"/>
      <c r="D68" s="788" t="s">
        <v>1671</v>
      </c>
      <c r="E68" s="241" t="s">
        <v>957</v>
      </c>
      <c r="F68" s="241" t="s">
        <v>888</v>
      </c>
      <c r="G68" s="57"/>
    </row>
    <row r="69" spans="1:7" s="42" customFormat="1" ht="48" customHeight="1">
      <c r="A69" s="392" t="s">
        <v>1672</v>
      </c>
      <c r="B69" s="414" t="s">
        <v>1673</v>
      </c>
      <c r="C69" s="416"/>
      <c r="D69" s="789"/>
      <c r="E69" s="241" t="s">
        <v>957</v>
      </c>
      <c r="F69" s="241" t="s">
        <v>887</v>
      </c>
      <c r="G69" s="57"/>
    </row>
    <row r="70" spans="1:7" s="42" customFormat="1" ht="48" customHeight="1">
      <c r="A70" s="392" t="s">
        <v>1674</v>
      </c>
      <c r="B70" s="414" t="s">
        <v>1675</v>
      </c>
      <c r="C70" s="417"/>
      <c r="D70" s="788" t="s">
        <v>1676</v>
      </c>
      <c r="E70" s="241" t="s">
        <v>957</v>
      </c>
      <c r="F70" s="241" t="s">
        <v>1679</v>
      </c>
      <c r="G70" s="57"/>
    </row>
    <row r="71" spans="1:7" s="42" customFormat="1" ht="48" customHeight="1">
      <c r="A71" s="392" t="s">
        <v>1677</v>
      </c>
      <c r="B71" s="414" t="s">
        <v>1678</v>
      </c>
      <c r="C71" s="416"/>
      <c r="D71" s="789"/>
      <c r="E71" s="241" t="s">
        <v>957</v>
      </c>
      <c r="F71" s="241" t="s">
        <v>1680</v>
      </c>
      <c r="G71" s="57"/>
    </row>
    <row r="72" spans="1:7" s="42" customFormat="1" ht="48" customHeight="1">
      <c r="A72" s="392" t="s">
        <v>1681</v>
      </c>
      <c r="B72" s="414" t="s">
        <v>1682</v>
      </c>
      <c r="C72" s="426"/>
      <c r="D72" s="788" t="s">
        <v>1683</v>
      </c>
      <c r="E72" s="241" t="s">
        <v>957</v>
      </c>
      <c r="F72" s="241" t="s">
        <v>889</v>
      </c>
      <c r="G72" s="57"/>
    </row>
    <row r="73" spans="1:7" s="42" customFormat="1" ht="48" customHeight="1">
      <c r="A73" s="392" t="s">
        <v>1684</v>
      </c>
      <c r="B73" s="414" t="s">
        <v>1685</v>
      </c>
      <c r="C73" s="427"/>
      <c r="D73" s="789"/>
      <c r="E73" s="241" t="s">
        <v>957</v>
      </c>
      <c r="F73" s="241" t="s">
        <v>890</v>
      </c>
      <c r="G73" s="57"/>
    </row>
    <row r="74" spans="1:7" s="42" customFormat="1" ht="48" customHeight="1">
      <c r="A74" s="392" t="s">
        <v>1686</v>
      </c>
      <c r="B74" s="414" t="s">
        <v>1687</v>
      </c>
      <c r="C74" s="428"/>
      <c r="D74" s="793" t="s">
        <v>1688</v>
      </c>
      <c r="E74" s="241" t="s">
        <v>957</v>
      </c>
      <c r="F74" s="241" t="s">
        <v>1719</v>
      </c>
      <c r="G74" s="57"/>
    </row>
    <row r="75" spans="1:7" s="42" customFormat="1" ht="48" customHeight="1">
      <c r="A75" s="392" t="s">
        <v>1689</v>
      </c>
      <c r="B75" s="414" t="s">
        <v>1690</v>
      </c>
      <c r="C75" s="429"/>
      <c r="D75" s="789"/>
      <c r="E75" s="241" t="s">
        <v>957</v>
      </c>
      <c r="F75" s="241" t="s">
        <v>1720</v>
      </c>
      <c r="G75" s="57"/>
    </row>
    <row r="76" spans="1:7" s="42" customFormat="1" ht="48" customHeight="1">
      <c r="A76" s="392" t="s">
        <v>1691</v>
      </c>
      <c r="B76" s="414" t="s">
        <v>1692</v>
      </c>
      <c r="C76" s="426"/>
      <c r="D76" s="412" t="s">
        <v>1693</v>
      </c>
      <c r="E76" s="241" t="s">
        <v>957</v>
      </c>
      <c r="F76" s="241" t="s">
        <v>1721</v>
      </c>
      <c r="G76" s="57"/>
    </row>
    <row r="77" spans="1:7" s="42" customFormat="1" ht="48" customHeight="1">
      <c r="A77" s="392" t="s">
        <v>1694</v>
      </c>
      <c r="B77" s="414" t="s">
        <v>1695</v>
      </c>
      <c r="C77" s="427"/>
      <c r="D77" s="412" t="s">
        <v>1696</v>
      </c>
      <c r="E77" s="241" t="s">
        <v>957</v>
      </c>
      <c r="F77" s="241" t="s">
        <v>1722</v>
      </c>
      <c r="G77" s="57"/>
    </row>
    <row r="78" spans="1:7" s="42" customFormat="1" ht="48" customHeight="1">
      <c r="A78" s="392" t="s">
        <v>1697</v>
      </c>
      <c r="B78" s="414" t="s">
        <v>1698</v>
      </c>
      <c r="C78" s="799"/>
      <c r="D78" s="793" t="s">
        <v>1699</v>
      </c>
      <c r="E78" s="241" t="s">
        <v>957</v>
      </c>
      <c r="F78" s="241" t="s">
        <v>1721</v>
      </c>
      <c r="G78" s="57"/>
    </row>
    <row r="79" spans="1:7" s="42" customFormat="1" ht="48" customHeight="1">
      <c r="A79" s="392" t="s">
        <v>691</v>
      </c>
      <c r="B79" s="414" t="s">
        <v>1700</v>
      </c>
      <c r="C79" s="800"/>
      <c r="D79" s="789"/>
      <c r="E79" s="241" t="s">
        <v>957</v>
      </c>
      <c r="F79" s="241" t="s">
        <v>1722</v>
      </c>
      <c r="G79" s="57"/>
    </row>
    <row r="80" spans="1:7" s="42" customFormat="1" ht="48" customHeight="1">
      <c r="A80" s="392" t="s">
        <v>1701</v>
      </c>
      <c r="B80" s="414" t="s">
        <v>1702</v>
      </c>
      <c r="C80" s="801"/>
      <c r="D80" s="793" t="s">
        <v>1703</v>
      </c>
      <c r="E80" s="241" t="s">
        <v>957</v>
      </c>
      <c r="F80" s="241"/>
      <c r="G80" s="57"/>
    </row>
    <row r="81" spans="1:7" s="42" customFormat="1" ht="48" customHeight="1">
      <c r="A81" s="392" t="s">
        <v>1704</v>
      </c>
      <c r="B81" s="414" t="s">
        <v>1705</v>
      </c>
      <c r="C81" s="802"/>
      <c r="D81" s="789"/>
      <c r="E81" s="241" t="s">
        <v>957</v>
      </c>
      <c r="F81" s="241"/>
      <c r="G81" s="57"/>
    </row>
    <row r="82" spans="1:7" s="42" customFormat="1" ht="48" customHeight="1">
      <c r="A82" s="397" t="s">
        <v>1706</v>
      </c>
      <c r="B82" s="414" t="s">
        <v>1707</v>
      </c>
      <c r="C82" s="418"/>
      <c r="D82" s="430" t="s">
        <v>1708</v>
      </c>
      <c r="E82" s="241" t="s">
        <v>957</v>
      </c>
      <c r="F82" s="241" t="s">
        <v>1723</v>
      </c>
      <c r="G82" s="57"/>
    </row>
    <row r="83" spans="1:7" s="42" customFormat="1" ht="48" customHeight="1">
      <c r="A83" s="392" t="s">
        <v>1709</v>
      </c>
      <c r="B83" s="414" t="s">
        <v>1710</v>
      </c>
      <c r="C83" s="417"/>
      <c r="D83" s="793" t="s">
        <v>1711</v>
      </c>
      <c r="E83" s="241" t="s">
        <v>957</v>
      </c>
      <c r="F83" s="241" t="s">
        <v>1724</v>
      </c>
      <c r="G83" s="57"/>
    </row>
    <row r="84" spans="1:7" s="42" customFormat="1" ht="48" customHeight="1">
      <c r="A84" s="392" t="s">
        <v>1712</v>
      </c>
      <c r="B84" s="414" t="s">
        <v>1713</v>
      </c>
      <c r="C84" s="416"/>
      <c r="D84" s="789"/>
      <c r="E84" s="241" t="s">
        <v>957</v>
      </c>
      <c r="F84" s="241" t="s">
        <v>1724</v>
      </c>
      <c r="G84" s="57"/>
    </row>
    <row r="85" spans="1:7" s="42" customFormat="1" ht="48" customHeight="1">
      <c r="A85" s="392" t="s">
        <v>1714</v>
      </c>
      <c r="B85" s="414" t="s">
        <v>1715</v>
      </c>
      <c r="C85" s="426"/>
      <c r="D85" s="791" t="s">
        <v>1716</v>
      </c>
      <c r="E85" s="241" t="s">
        <v>957</v>
      </c>
      <c r="F85" s="241" t="s">
        <v>1725</v>
      </c>
      <c r="G85" s="57"/>
    </row>
    <row r="86" spans="1:7" s="42" customFormat="1" ht="48" customHeight="1">
      <c r="A86" s="392" t="s">
        <v>1717</v>
      </c>
      <c r="B86" s="414" t="s">
        <v>1718</v>
      </c>
      <c r="C86" s="427"/>
      <c r="D86" s="792"/>
      <c r="E86" s="241" t="s">
        <v>957</v>
      </c>
      <c r="F86" s="241" t="s">
        <v>1725</v>
      </c>
      <c r="G86" s="57"/>
    </row>
    <row r="87" spans="1:7" s="42" customFormat="1" ht="48" customHeight="1">
      <c r="A87" s="425" t="s">
        <v>154</v>
      </c>
      <c r="B87" s="467" t="s">
        <v>809</v>
      </c>
      <c r="C87" s="235"/>
      <c r="D87" s="266" t="s">
        <v>864</v>
      </c>
      <c r="E87" s="241" t="s">
        <v>957</v>
      </c>
      <c r="F87" s="256" t="s">
        <v>1869</v>
      </c>
      <c r="G87" s="57"/>
    </row>
    <row r="88" spans="1:7" s="42" customFormat="1">
      <c r="A88" s="263"/>
      <c r="B88" s="79" t="s">
        <v>113</v>
      </c>
      <c r="C88" s="64"/>
      <c r="D88" s="264"/>
      <c r="E88" s="80"/>
      <c r="F88" s="80"/>
      <c r="G88" s="57"/>
    </row>
    <row r="89" spans="1:7" s="42" customFormat="1" ht="48" customHeight="1">
      <c r="A89" s="467" t="s">
        <v>1</v>
      </c>
      <c r="B89" s="467" t="s">
        <v>810</v>
      </c>
      <c r="C89" s="5"/>
      <c r="D89" s="265" t="s">
        <v>867</v>
      </c>
      <c r="E89" s="241" t="s">
        <v>957</v>
      </c>
      <c r="F89" s="256"/>
      <c r="G89" s="57"/>
    </row>
    <row r="90" spans="1:7" s="7" customFormat="1">
      <c r="A90" s="64"/>
      <c r="B90" s="79" t="s">
        <v>109</v>
      </c>
      <c r="C90" s="64"/>
      <c r="D90" s="264"/>
      <c r="E90" s="251"/>
      <c r="F90" s="251"/>
      <c r="G90" s="64"/>
    </row>
    <row r="91" spans="1:7" ht="47.25" customHeight="1">
      <c r="A91" s="392" t="s">
        <v>1572</v>
      </c>
      <c r="B91" s="397" t="s">
        <v>1573</v>
      </c>
      <c r="C91" s="406"/>
      <c r="D91" s="407" t="s">
        <v>1574</v>
      </c>
      <c r="E91" s="241" t="s">
        <v>957</v>
      </c>
      <c r="F91" s="241"/>
      <c r="G91" s="57"/>
    </row>
    <row r="92" spans="1:7" ht="47.25" customHeight="1">
      <c r="A92" s="392" t="s">
        <v>1575</v>
      </c>
      <c r="B92" s="397" t="s">
        <v>1576</v>
      </c>
      <c r="D92" s="407" t="s">
        <v>1577</v>
      </c>
      <c r="E92" s="241" t="s">
        <v>957</v>
      </c>
      <c r="F92" s="241" t="s">
        <v>1578</v>
      </c>
      <c r="G92" s="57"/>
    </row>
    <row r="93" spans="1:7" ht="54" customHeight="1">
      <c r="A93" s="392" t="s">
        <v>1579</v>
      </c>
      <c r="B93" s="397" t="s">
        <v>1580</v>
      </c>
      <c r="C93" s="394"/>
      <c r="D93" s="407" t="s">
        <v>1581</v>
      </c>
      <c r="E93" s="241" t="s">
        <v>957</v>
      </c>
      <c r="F93" s="241"/>
      <c r="G93" s="57"/>
    </row>
    <row r="94" spans="1:7" s="44" customFormat="1" ht="45.75" customHeight="1">
      <c r="A94" s="392" t="s">
        <v>1582</v>
      </c>
      <c r="B94" s="397" t="s">
        <v>1583</v>
      </c>
      <c r="C94" s="399"/>
      <c r="D94" s="407" t="s">
        <v>1584</v>
      </c>
      <c r="E94" s="241" t="s">
        <v>957</v>
      </c>
      <c r="F94" s="241" t="s">
        <v>1585</v>
      </c>
      <c r="G94" s="57"/>
    </row>
    <row r="95" spans="1:7" s="44" customFormat="1" ht="45.75" customHeight="1">
      <c r="A95" s="389" t="s">
        <v>1586</v>
      </c>
      <c r="B95" s="397" t="s">
        <v>1587</v>
      </c>
      <c r="C95" s="394"/>
      <c r="D95" s="408" t="s">
        <v>1588</v>
      </c>
      <c r="E95" s="241" t="s">
        <v>957</v>
      </c>
      <c r="F95" s="241"/>
      <c r="G95" s="57"/>
    </row>
    <row r="96" spans="1:7" s="44" customFormat="1" ht="45.75" customHeight="1">
      <c r="A96" s="389" t="s">
        <v>1589</v>
      </c>
      <c r="B96" s="397" t="s">
        <v>1590</v>
      </c>
      <c r="C96" s="401"/>
      <c r="D96" s="408" t="s">
        <v>1591</v>
      </c>
      <c r="E96" s="241" t="s">
        <v>957</v>
      </c>
      <c r="F96" s="241"/>
      <c r="G96" s="57"/>
    </row>
    <row r="97" spans="1:7" s="44" customFormat="1" ht="45.75" customHeight="1">
      <c r="A97" s="392" t="s">
        <v>1726</v>
      </c>
      <c r="B97" s="414" t="s">
        <v>1727</v>
      </c>
      <c r="C97" s="294"/>
      <c r="D97" s="431" t="s">
        <v>1728</v>
      </c>
      <c r="E97" s="241" t="s">
        <v>957</v>
      </c>
      <c r="F97" s="241" t="s">
        <v>1729</v>
      </c>
      <c r="G97" s="57"/>
    </row>
    <row r="98" spans="1:7" ht="54" customHeight="1">
      <c r="A98" s="392" t="s">
        <v>1730</v>
      </c>
      <c r="B98" s="414" t="s">
        <v>1731</v>
      </c>
      <c r="C98" s="294"/>
      <c r="D98" s="431" t="s">
        <v>1732</v>
      </c>
      <c r="E98" s="241" t="s">
        <v>957</v>
      </c>
      <c r="F98" s="241" t="s">
        <v>1733</v>
      </c>
      <c r="G98" s="57"/>
    </row>
    <row r="99" spans="1:7" ht="54" customHeight="1">
      <c r="A99" s="392" t="s">
        <v>1734</v>
      </c>
      <c r="B99" s="414" t="s">
        <v>1735</v>
      </c>
      <c r="C99" s="432"/>
      <c r="D99" s="431" t="s">
        <v>1736</v>
      </c>
      <c r="E99" s="241" t="s">
        <v>957</v>
      </c>
      <c r="F99" s="241" t="s">
        <v>1737</v>
      </c>
      <c r="G99" s="57"/>
    </row>
    <row r="100" spans="1:7" ht="48" customHeight="1">
      <c r="A100" s="397" t="s">
        <v>1739</v>
      </c>
      <c r="B100" s="414" t="s">
        <v>1740</v>
      </c>
      <c r="C100" s="435"/>
      <c r="D100" s="434" t="s">
        <v>1741</v>
      </c>
      <c r="E100" s="241" t="s">
        <v>957</v>
      </c>
      <c r="F100" s="241" t="s">
        <v>1754</v>
      </c>
      <c r="G100" s="57"/>
    </row>
    <row r="101" spans="1:7" ht="48" customHeight="1">
      <c r="A101" s="392" t="s">
        <v>1742</v>
      </c>
      <c r="B101" s="414" t="s">
        <v>1743</v>
      </c>
      <c r="C101" s="426"/>
      <c r="D101" s="431" t="s">
        <v>1744</v>
      </c>
      <c r="E101" s="241" t="s">
        <v>957</v>
      </c>
      <c r="F101" s="241" t="s">
        <v>1755</v>
      </c>
      <c r="G101" s="57"/>
    </row>
    <row r="102" spans="1:7" ht="48" customHeight="1">
      <c r="A102" s="392" t="s">
        <v>1745</v>
      </c>
      <c r="B102" s="414" t="s">
        <v>1746</v>
      </c>
      <c r="C102" s="432"/>
      <c r="D102" s="431" t="s">
        <v>1747</v>
      </c>
      <c r="E102" s="241" t="s">
        <v>957</v>
      </c>
      <c r="F102" s="241" t="s">
        <v>1755</v>
      </c>
      <c r="G102" s="57"/>
    </row>
    <row r="103" spans="1:7" ht="48" customHeight="1">
      <c r="A103" s="392" t="s">
        <v>1748</v>
      </c>
      <c r="B103" s="414" t="s">
        <v>1749</v>
      </c>
      <c r="C103" s="432"/>
      <c r="D103" s="431" t="s">
        <v>1750</v>
      </c>
      <c r="E103" s="241" t="s">
        <v>957</v>
      </c>
      <c r="F103" s="241"/>
      <c r="G103" s="57"/>
    </row>
    <row r="104" spans="1:7" ht="48" customHeight="1">
      <c r="A104" s="397" t="s">
        <v>1751</v>
      </c>
      <c r="B104" s="414" t="s">
        <v>1752</v>
      </c>
      <c r="C104" s="433"/>
      <c r="D104" s="431" t="s">
        <v>1753</v>
      </c>
      <c r="E104" s="241" t="s">
        <v>957</v>
      </c>
      <c r="F104" s="241" t="s">
        <v>1756</v>
      </c>
      <c r="G104" s="57"/>
    </row>
    <row r="105" spans="1:7" ht="36.950000000000003" customHeight="1">
      <c r="A105" s="449" t="s">
        <v>1</v>
      </c>
      <c r="B105" s="449" t="s">
        <v>810</v>
      </c>
      <c r="C105" s="5"/>
      <c r="D105" s="265" t="s">
        <v>867</v>
      </c>
      <c r="E105" s="241" t="s">
        <v>957</v>
      </c>
      <c r="F105" s="241"/>
      <c r="G105" s="57"/>
    </row>
    <row r="106" spans="1:7" s="7" customFormat="1" ht="19.5" customHeight="1">
      <c r="A106" s="64"/>
      <c r="B106" s="79" t="s">
        <v>110</v>
      </c>
      <c r="C106" s="64"/>
      <c r="D106" s="264"/>
      <c r="E106" s="251"/>
      <c r="F106" s="251"/>
      <c r="G106" s="64"/>
    </row>
    <row r="107" spans="1:7" s="42" customFormat="1" ht="30.95" customHeight="1">
      <c r="A107" s="392" t="s">
        <v>1593</v>
      </c>
      <c r="B107" s="397" t="s">
        <v>1594</v>
      </c>
      <c r="C107" s="405"/>
      <c r="D107" s="407" t="s">
        <v>1595</v>
      </c>
      <c r="E107" s="241" t="s">
        <v>957</v>
      </c>
      <c r="F107" s="241"/>
      <c r="G107" s="57"/>
    </row>
    <row r="108" spans="1:7" s="42" customFormat="1" ht="31.5" customHeight="1">
      <c r="A108" s="392" t="s">
        <v>1596</v>
      </c>
      <c r="B108" s="397" t="s">
        <v>1597</v>
      </c>
      <c r="C108" s="404"/>
      <c r="D108" s="407" t="s">
        <v>1598</v>
      </c>
      <c r="E108" s="241" t="s">
        <v>957</v>
      </c>
      <c r="F108" s="241" t="s">
        <v>1611</v>
      </c>
      <c r="G108" s="57"/>
    </row>
    <row r="109" spans="1:7" s="42" customFormat="1" ht="36" customHeight="1">
      <c r="A109" s="392" t="s">
        <v>1599</v>
      </c>
      <c r="B109" s="397" t="s">
        <v>1600</v>
      </c>
      <c r="C109" s="404"/>
      <c r="D109" s="407" t="s">
        <v>1601</v>
      </c>
      <c r="E109" s="241" t="s">
        <v>957</v>
      </c>
      <c r="F109" s="241"/>
      <c r="G109" s="57"/>
    </row>
    <row r="110" spans="1:7" s="42" customFormat="1" ht="50.25" customHeight="1">
      <c r="A110" s="392" t="s">
        <v>1602</v>
      </c>
      <c r="B110" s="397" t="s">
        <v>1603</v>
      </c>
      <c r="C110" s="399"/>
      <c r="D110" s="407" t="s">
        <v>1604</v>
      </c>
      <c r="E110" s="241" t="s">
        <v>957</v>
      </c>
      <c r="F110" s="241" t="s">
        <v>1612</v>
      </c>
      <c r="G110" s="57"/>
    </row>
    <row r="111" spans="1:7" s="42" customFormat="1" ht="50.25" customHeight="1">
      <c r="A111" s="389" t="s">
        <v>1605</v>
      </c>
      <c r="B111" s="397" t="s">
        <v>1606</v>
      </c>
      <c r="C111" s="394"/>
      <c r="D111" s="408" t="s">
        <v>1607</v>
      </c>
      <c r="E111" s="241" t="s">
        <v>957</v>
      </c>
      <c r="F111" s="241"/>
      <c r="G111" s="57"/>
    </row>
    <row r="112" spans="1:7" s="42" customFormat="1" ht="50.25" customHeight="1">
      <c r="A112" s="389" t="s">
        <v>1608</v>
      </c>
      <c r="B112" s="397" t="s">
        <v>1609</v>
      </c>
      <c r="C112" s="401"/>
      <c r="D112" s="408" t="s">
        <v>1610</v>
      </c>
      <c r="E112" s="241" t="s">
        <v>957</v>
      </c>
      <c r="F112" s="241"/>
      <c r="G112" s="57"/>
    </row>
    <row r="113" spans="1:7" s="42" customFormat="1" ht="42.75" customHeight="1">
      <c r="A113" s="392" t="s">
        <v>1757</v>
      </c>
      <c r="B113" s="414" t="s">
        <v>1758</v>
      </c>
      <c r="C113" s="294"/>
      <c r="D113" s="436" t="s">
        <v>1759</v>
      </c>
      <c r="E113" s="241" t="s">
        <v>957</v>
      </c>
      <c r="F113" s="241" t="s">
        <v>1760</v>
      </c>
      <c r="G113" s="57"/>
    </row>
    <row r="114" spans="1:7" s="42" customFormat="1" ht="42.75" customHeight="1">
      <c r="A114" s="392" t="s">
        <v>1761</v>
      </c>
      <c r="B114" s="414" t="s">
        <v>1762</v>
      </c>
      <c r="C114" s="432"/>
      <c r="D114" s="437" t="s">
        <v>1763</v>
      </c>
      <c r="E114" s="241" t="s">
        <v>957</v>
      </c>
      <c r="F114" s="241" t="s">
        <v>1764</v>
      </c>
      <c r="G114" s="57"/>
    </row>
    <row r="115" spans="1:7" s="42" customFormat="1" ht="42.75" customHeight="1">
      <c r="A115" s="438" t="s">
        <v>1766</v>
      </c>
      <c r="B115" s="414" t="s">
        <v>1767</v>
      </c>
      <c r="C115" s="294"/>
      <c r="D115" s="437" t="s">
        <v>1768</v>
      </c>
      <c r="E115" s="241" t="s">
        <v>957</v>
      </c>
      <c r="F115" s="241" t="s">
        <v>1769</v>
      </c>
      <c r="G115" s="57"/>
    </row>
    <row r="116" spans="1:7" s="42" customFormat="1" ht="42.75" customHeight="1">
      <c r="A116" s="392" t="s">
        <v>1770</v>
      </c>
      <c r="B116" s="414" t="s">
        <v>1771</v>
      </c>
      <c r="C116" s="294"/>
      <c r="D116" s="431" t="s">
        <v>1772</v>
      </c>
      <c r="E116" s="241" t="s">
        <v>957</v>
      </c>
      <c r="F116" s="241" t="s">
        <v>1776</v>
      </c>
      <c r="G116" s="57"/>
    </row>
    <row r="117" spans="1:7" s="42" customFormat="1" ht="42.75" customHeight="1">
      <c r="A117" s="439" t="s">
        <v>1773</v>
      </c>
      <c r="B117" s="414" t="s">
        <v>1774</v>
      </c>
      <c r="C117" s="427"/>
      <c r="D117" s="437" t="s">
        <v>1775</v>
      </c>
      <c r="E117" s="241" t="s">
        <v>957</v>
      </c>
      <c r="F117" s="241" t="s">
        <v>1777</v>
      </c>
      <c r="G117" s="57"/>
    </row>
    <row r="118" spans="1:7" s="42" customFormat="1" ht="42.75" customHeight="1">
      <c r="A118" s="397" t="s">
        <v>1780</v>
      </c>
      <c r="B118" s="414" t="s">
        <v>1781</v>
      </c>
      <c r="C118" s="440"/>
      <c r="D118" s="434" t="s">
        <v>1782</v>
      </c>
      <c r="E118" s="241" t="s">
        <v>957</v>
      </c>
      <c r="F118" s="241" t="s">
        <v>1810</v>
      </c>
      <c r="G118" s="57"/>
    </row>
    <row r="119" spans="1:7" s="42" customFormat="1" ht="42.75" customHeight="1">
      <c r="A119" s="397" t="s">
        <v>1783</v>
      </c>
      <c r="B119" s="414" t="s">
        <v>1784</v>
      </c>
      <c r="C119" s="440"/>
      <c r="D119" s="434" t="s">
        <v>1785</v>
      </c>
      <c r="E119" s="241" t="s">
        <v>957</v>
      </c>
      <c r="F119" s="241" t="s">
        <v>1811</v>
      </c>
      <c r="G119" s="57"/>
    </row>
    <row r="120" spans="1:7" s="42" customFormat="1" ht="42.75" customHeight="1">
      <c r="A120" s="397" t="s">
        <v>1786</v>
      </c>
      <c r="B120" s="414" t="s">
        <v>1787</v>
      </c>
      <c r="C120" s="440"/>
      <c r="D120" s="434" t="s">
        <v>1788</v>
      </c>
      <c r="E120" s="241" t="s">
        <v>957</v>
      </c>
      <c r="F120" s="241" t="s">
        <v>1812</v>
      </c>
      <c r="G120" s="57"/>
    </row>
    <row r="121" spans="1:7" s="42" customFormat="1" ht="42.75" customHeight="1">
      <c r="A121" s="397" t="s">
        <v>1789</v>
      </c>
      <c r="B121" s="414" t="s">
        <v>1790</v>
      </c>
      <c r="C121" s="440"/>
      <c r="D121" s="434" t="s">
        <v>1791</v>
      </c>
      <c r="E121" s="241" t="s">
        <v>957</v>
      </c>
      <c r="F121" s="241" t="s">
        <v>1813</v>
      </c>
      <c r="G121" s="57"/>
    </row>
    <row r="122" spans="1:7" s="42" customFormat="1" ht="42.75" customHeight="1">
      <c r="A122" s="392" t="s">
        <v>1792</v>
      </c>
      <c r="B122" s="414" t="s">
        <v>1793</v>
      </c>
      <c r="C122" s="426"/>
      <c r="D122" s="441" t="s">
        <v>1794</v>
      </c>
      <c r="E122" s="241" t="s">
        <v>957</v>
      </c>
      <c r="F122" s="241" t="s">
        <v>1810</v>
      </c>
      <c r="G122" s="57"/>
    </row>
    <row r="123" spans="1:7" s="42" customFormat="1" ht="42.75" customHeight="1">
      <c r="A123" s="392" t="s">
        <v>1795</v>
      </c>
      <c r="B123" s="414" t="s">
        <v>1796</v>
      </c>
      <c r="C123" s="432"/>
      <c r="D123" s="441" t="s">
        <v>1797</v>
      </c>
      <c r="E123" s="241" t="s">
        <v>957</v>
      </c>
      <c r="F123" s="241" t="s">
        <v>1810</v>
      </c>
      <c r="G123" s="57"/>
    </row>
    <row r="124" spans="1:7" s="42" customFormat="1" ht="42.75" customHeight="1">
      <c r="A124" s="392" t="s">
        <v>1798</v>
      </c>
      <c r="B124" s="414" t="s">
        <v>1799</v>
      </c>
      <c r="C124" s="432"/>
      <c r="D124" s="442" t="s">
        <v>1800</v>
      </c>
      <c r="E124" s="241" t="s">
        <v>957</v>
      </c>
      <c r="F124" s="241"/>
      <c r="G124" s="57"/>
    </row>
    <row r="125" spans="1:7" s="42" customFormat="1" ht="42.75" customHeight="1">
      <c r="A125" s="392" t="s">
        <v>1801</v>
      </c>
      <c r="B125" s="414" t="s">
        <v>1802</v>
      </c>
      <c r="C125" s="432"/>
      <c r="D125" s="442" t="s">
        <v>1803</v>
      </c>
      <c r="E125" s="241" t="s">
        <v>957</v>
      </c>
      <c r="F125" s="241"/>
      <c r="G125" s="57"/>
    </row>
    <row r="126" spans="1:7" s="42" customFormat="1" ht="42.75" customHeight="1">
      <c r="A126" s="392" t="s">
        <v>1804</v>
      </c>
      <c r="B126" s="414" t="s">
        <v>1805</v>
      </c>
      <c r="C126" s="426"/>
      <c r="D126" s="443" t="s">
        <v>1806</v>
      </c>
      <c r="E126" s="241" t="s">
        <v>957</v>
      </c>
      <c r="F126" s="241" t="s">
        <v>1814</v>
      </c>
      <c r="G126" s="57"/>
    </row>
    <row r="127" spans="1:7" s="42" customFormat="1" ht="42.75" customHeight="1">
      <c r="A127" s="392" t="s">
        <v>1807</v>
      </c>
      <c r="B127" s="414" t="s">
        <v>1808</v>
      </c>
      <c r="C127" s="427"/>
      <c r="D127" s="444" t="s">
        <v>1809</v>
      </c>
      <c r="E127" s="241" t="s">
        <v>957</v>
      </c>
      <c r="F127" s="241"/>
      <c r="G127" s="57"/>
    </row>
    <row r="128" spans="1:7" s="42" customFormat="1" ht="48" customHeight="1">
      <c r="A128" s="425" t="s">
        <v>349</v>
      </c>
      <c r="B128" s="467" t="s">
        <v>811</v>
      </c>
      <c r="C128" s="5"/>
      <c r="D128" s="266" t="s">
        <v>868</v>
      </c>
      <c r="E128" s="241" t="s">
        <v>957</v>
      </c>
      <c r="F128" s="256"/>
      <c r="G128" s="57"/>
    </row>
    <row r="129" spans="1:25" s="42" customFormat="1">
      <c r="A129" s="79" t="s">
        <v>1613</v>
      </c>
      <c r="B129" s="79" t="s">
        <v>1613</v>
      </c>
      <c r="C129" s="64"/>
      <c r="D129" s="64"/>
      <c r="E129" s="64"/>
      <c r="F129" s="64"/>
      <c r="G129" s="57"/>
    </row>
    <row r="130" spans="1:25" s="42" customFormat="1" ht="42.75" customHeight="1">
      <c r="A130" s="397" t="s">
        <v>1614</v>
      </c>
      <c r="B130" s="397" t="s">
        <v>1615</v>
      </c>
      <c r="C130" s="398"/>
      <c r="D130" s="410" t="s">
        <v>1616</v>
      </c>
      <c r="E130" s="241" t="s">
        <v>957</v>
      </c>
      <c r="F130" s="409"/>
      <c r="G130" s="57"/>
    </row>
    <row r="131" spans="1:25" s="42" customFormat="1" ht="42.75" customHeight="1">
      <c r="A131" s="397" t="s">
        <v>1617</v>
      </c>
      <c r="B131" s="397" t="s">
        <v>1618</v>
      </c>
      <c r="C131" s="403"/>
      <c r="D131" s="411" t="s">
        <v>1619</v>
      </c>
      <c r="E131" s="241" t="s">
        <v>957</v>
      </c>
      <c r="F131" s="409"/>
      <c r="G131" s="57"/>
    </row>
    <row r="132" spans="1:25" s="42" customFormat="1" ht="42.75" customHeight="1">
      <c r="A132" s="397" t="s">
        <v>1620</v>
      </c>
      <c r="B132" s="397" t="s">
        <v>1621</v>
      </c>
      <c r="C132" s="399"/>
      <c r="D132" s="412" t="s">
        <v>1622</v>
      </c>
      <c r="E132" s="241" t="s">
        <v>957</v>
      </c>
      <c r="F132" s="409"/>
      <c r="G132" s="57"/>
    </row>
    <row r="133" spans="1:25" s="42" customFormat="1">
      <c r="A133" s="79" t="s">
        <v>1623</v>
      </c>
      <c r="B133" s="79" t="s">
        <v>1623</v>
      </c>
      <c r="C133" s="64"/>
      <c r="D133" s="64"/>
      <c r="E133" s="64"/>
      <c r="F133" s="64"/>
      <c r="G133" s="57"/>
    </row>
    <row r="134" spans="1:25" s="42" customFormat="1" ht="42.75" customHeight="1">
      <c r="A134" s="397" t="s">
        <v>1624</v>
      </c>
      <c r="B134" s="397" t="s">
        <v>1625</v>
      </c>
      <c r="C134" s="413"/>
      <c r="D134" s="410" t="s">
        <v>1626</v>
      </c>
      <c r="E134" s="241" t="s">
        <v>957</v>
      </c>
      <c r="F134" s="409"/>
      <c r="G134" s="57"/>
    </row>
    <row r="135" spans="1:25" s="52" customFormat="1">
      <c r="A135" s="292"/>
      <c r="B135" s="81" t="s">
        <v>975</v>
      </c>
      <c r="C135" s="82"/>
      <c r="D135" s="58"/>
      <c r="E135" s="58"/>
      <c r="F135" s="58"/>
      <c r="G135" s="100" t="s">
        <v>0</v>
      </c>
    </row>
    <row r="136" spans="1:25" s="396" customFormat="1" ht="77.45" customHeight="1">
      <c r="A136" s="445" t="s">
        <v>1815</v>
      </c>
      <c r="B136" s="414" t="s">
        <v>1816</v>
      </c>
      <c r="C136" s="294"/>
      <c r="D136" s="431" t="s">
        <v>976</v>
      </c>
      <c r="E136" s="241" t="s">
        <v>957</v>
      </c>
      <c r="F136" s="446" t="s">
        <v>978</v>
      </c>
      <c r="G136" s="395"/>
    </row>
    <row r="137" spans="1:25">
      <c r="A137" s="81" t="s">
        <v>117</v>
      </c>
      <c r="B137" s="81" t="s">
        <v>117</v>
      </c>
      <c r="C137" s="82"/>
      <c r="D137" s="82"/>
      <c r="E137" s="82"/>
      <c r="F137" s="82"/>
    </row>
    <row r="138" spans="1:25" ht="54.95" customHeight="1">
      <c r="A138" s="439" t="s">
        <v>1819</v>
      </c>
      <c r="B138" s="414" t="s">
        <v>1820</v>
      </c>
      <c r="C138" s="447"/>
      <c r="D138" s="431" t="s">
        <v>1821</v>
      </c>
      <c r="E138" s="241" t="s">
        <v>957</v>
      </c>
      <c r="F138" s="446" t="s">
        <v>1817</v>
      </c>
    </row>
    <row r="139" spans="1:25" ht="44.45" customHeight="1">
      <c r="A139" s="392" t="s">
        <v>1822</v>
      </c>
      <c r="B139" s="397" t="s">
        <v>1823</v>
      </c>
      <c r="C139" s="451"/>
      <c r="D139" s="431" t="s">
        <v>1818</v>
      </c>
      <c r="E139" s="241" t="s">
        <v>957</v>
      </c>
      <c r="F139" s="446" t="s">
        <v>1817</v>
      </c>
    </row>
    <row r="140" spans="1:25" s="52" customFormat="1" ht="45.75" customHeight="1">
      <c r="A140" s="449" t="s">
        <v>6</v>
      </c>
      <c r="B140" s="449" t="s">
        <v>813</v>
      </c>
      <c r="C140" s="235"/>
      <c r="D140" s="265" t="s">
        <v>869</v>
      </c>
      <c r="E140" s="241" t="s">
        <v>883</v>
      </c>
      <c r="F140" s="254"/>
      <c r="G140" s="57"/>
    </row>
    <row r="141" spans="1:25" s="52" customFormat="1" ht="47.25" customHeight="1">
      <c r="A141" s="449" t="s">
        <v>143</v>
      </c>
      <c r="B141" s="449" t="s">
        <v>814</v>
      </c>
      <c r="C141" s="5"/>
      <c r="D141" s="265" t="s">
        <v>940</v>
      </c>
      <c r="E141" s="241" t="s">
        <v>883</v>
      </c>
      <c r="F141" s="241"/>
      <c r="G141" s="57"/>
    </row>
    <row r="142" spans="1:25" s="52" customFormat="1" ht="47.25" customHeight="1">
      <c r="A142" s="449" t="s">
        <v>937</v>
      </c>
      <c r="B142" s="449" t="s">
        <v>938</v>
      </c>
      <c r="C142" s="5"/>
      <c r="D142" s="265" t="s">
        <v>939</v>
      </c>
      <c r="E142" s="241" t="s">
        <v>883</v>
      </c>
      <c r="F142" s="241"/>
      <c r="G142" s="57"/>
    </row>
    <row r="143" spans="1:25" s="7" customFormat="1">
      <c r="A143" s="82"/>
      <c r="B143" s="81" t="s">
        <v>1845</v>
      </c>
      <c r="C143" s="117"/>
      <c r="D143" s="231"/>
      <c r="E143" s="251"/>
      <c r="F143" s="251"/>
      <c r="G143" s="58"/>
      <c r="O143"/>
      <c r="P143"/>
      <c r="Q143"/>
      <c r="R143" s="227"/>
      <c r="S143" s="227"/>
      <c r="T143"/>
      <c r="U143"/>
      <c r="V143"/>
      <c r="W143"/>
      <c r="X143"/>
      <c r="Y143"/>
    </row>
    <row r="144" spans="1:25" ht="68.099999999999994" customHeight="1">
      <c r="A144" s="392" t="s">
        <v>1824</v>
      </c>
      <c r="B144" s="397" t="s">
        <v>1825</v>
      </c>
      <c r="C144" s="426"/>
      <c r="D144" s="400" t="s">
        <v>1826</v>
      </c>
      <c r="E144" s="241" t="s">
        <v>957</v>
      </c>
      <c r="F144" s="241" t="s">
        <v>1827</v>
      </c>
    </row>
    <row r="145" spans="1:6" ht="75" customHeight="1">
      <c r="A145" s="392" t="s">
        <v>1828</v>
      </c>
      <c r="B145" s="397" t="s">
        <v>1829</v>
      </c>
      <c r="C145" s="294"/>
      <c r="D145" s="400" t="s">
        <v>1830</v>
      </c>
      <c r="E145" s="241" t="s">
        <v>957</v>
      </c>
      <c r="F145" s="241" t="s">
        <v>1831</v>
      </c>
    </row>
    <row r="146" spans="1:6" ht="72" customHeight="1">
      <c r="A146" s="439" t="s">
        <v>1834</v>
      </c>
      <c r="B146" s="397" t="s">
        <v>1835</v>
      </c>
      <c r="C146" s="426"/>
      <c r="D146" s="454" t="s">
        <v>1836</v>
      </c>
      <c r="E146" s="241" t="s">
        <v>957</v>
      </c>
      <c r="F146" s="455" t="s">
        <v>1840</v>
      </c>
    </row>
    <row r="147" spans="1:6" ht="69.599999999999994" customHeight="1">
      <c r="A147" s="392" t="s">
        <v>1837</v>
      </c>
      <c r="B147" s="397" t="s">
        <v>1838</v>
      </c>
      <c r="C147" s="432"/>
      <c r="D147" s="400" t="s">
        <v>1839</v>
      </c>
      <c r="E147" s="241" t="s">
        <v>957</v>
      </c>
      <c r="F147" s="455" t="s">
        <v>1840</v>
      </c>
    </row>
    <row r="148" spans="1:6" ht="54.95" customHeight="1">
      <c r="A148" s="392" t="s">
        <v>1841</v>
      </c>
      <c r="B148" s="397" t="s">
        <v>1842</v>
      </c>
      <c r="C148" s="427"/>
      <c r="D148" s="441" t="s">
        <v>1843</v>
      </c>
      <c r="E148" s="241" t="s">
        <v>957</v>
      </c>
      <c r="F148" s="241" t="s">
        <v>1844</v>
      </c>
    </row>
    <row r="149" spans="1:6" ht="56.45" customHeight="1">
      <c r="A149" s="392" t="s">
        <v>1846</v>
      </c>
      <c r="B149" s="414" t="s">
        <v>1847</v>
      </c>
      <c r="C149" s="426"/>
      <c r="D149" s="441" t="s">
        <v>1848</v>
      </c>
      <c r="E149" s="241" t="s">
        <v>957</v>
      </c>
      <c r="F149" s="241" t="s">
        <v>1849</v>
      </c>
    </row>
    <row r="150" spans="1:6" ht="55.5" customHeight="1">
      <c r="A150" s="4" t="s">
        <v>953</v>
      </c>
      <c r="B150" s="93" t="s">
        <v>954</v>
      </c>
      <c r="C150" s="457"/>
      <c r="D150" s="120" t="s">
        <v>955</v>
      </c>
      <c r="E150" s="241" t="s">
        <v>957</v>
      </c>
      <c r="F150" s="241" t="s">
        <v>956</v>
      </c>
    </row>
    <row r="151" spans="1:6" ht="25.5">
      <c r="E151" s="241" t="s">
        <v>957</v>
      </c>
      <c r="F151" s="446"/>
    </row>
    <row r="152" spans="1:6" ht="25.5">
      <c r="E152" s="241" t="s">
        <v>957</v>
      </c>
      <c r="F152" s="446"/>
    </row>
    <row r="153" spans="1:6" ht="25.5">
      <c r="E153" s="241" t="s">
        <v>957</v>
      </c>
      <c r="F153" s="446"/>
    </row>
    <row r="154" spans="1:6" ht="25.5">
      <c r="E154" s="241" t="s">
        <v>957</v>
      </c>
      <c r="F154" s="446"/>
    </row>
    <row r="155" spans="1:6" ht="25.5">
      <c r="E155" s="241" t="s">
        <v>957</v>
      </c>
      <c r="F155" s="446"/>
    </row>
    <row r="156" spans="1:6" ht="25.5">
      <c r="E156" s="241" t="s">
        <v>957</v>
      </c>
      <c r="F156" s="446"/>
    </row>
    <row r="157" spans="1:6" ht="25.5">
      <c r="E157" s="241" t="s">
        <v>957</v>
      </c>
      <c r="F157" s="446"/>
    </row>
  </sheetData>
  <mergeCells count="35">
    <mergeCell ref="C78:C79"/>
    <mergeCell ref="D78:D79"/>
    <mergeCell ref="C80:C81"/>
    <mergeCell ref="D80:D81"/>
    <mergeCell ref="D83:D84"/>
    <mergeCell ref="D85:D86"/>
    <mergeCell ref="D26:D27"/>
    <mergeCell ref="D66:D67"/>
    <mergeCell ref="D68:D69"/>
    <mergeCell ref="D70:D71"/>
    <mergeCell ref="D72:D73"/>
    <mergeCell ref="D74:D75"/>
    <mergeCell ref="D52:D53"/>
    <mergeCell ref="D54:D55"/>
    <mergeCell ref="D58:D59"/>
    <mergeCell ref="D60:D61"/>
    <mergeCell ref="D62:D63"/>
    <mergeCell ref="D64:D65"/>
    <mergeCell ref="D40:D41"/>
    <mergeCell ref="D48:D49"/>
    <mergeCell ref="D50:D51"/>
    <mergeCell ref="C36:C37"/>
    <mergeCell ref="C38:C39"/>
    <mergeCell ref="D42:D43"/>
    <mergeCell ref="D46:D47"/>
    <mergeCell ref="D4:D6"/>
    <mergeCell ref="D7:D9"/>
    <mergeCell ref="D12:D13"/>
    <mergeCell ref="D14:D15"/>
    <mergeCell ref="D16:D17"/>
    <mergeCell ref="D18:D19"/>
    <mergeCell ref="D20:D21"/>
    <mergeCell ref="D22:D23"/>
    <mergeCell ref="D24:D25"/>
    <mergeCell ref="C33:C34"/>
  </mergeCells>
  <conditionalFormatting sqref="A136">
    <cfRule type="colorScale" priority="1">
      <colorScale>
        <cfvo type="min"/>
        <cfvo type="max"/>
        <color rgb="FF63BE7B"/>
        <color rgb="FFFCFCFF"/>
      </colorScale>
    </cfRule>
    <cfRule type="colorScale" priority="2">
      <colorScale>
        <cfvo type="min"/>
        <cfvo type="max"/>
        <color rgb="FF63BE7B"/>
        <color rgb="FFFCFCFF"/>
      </colorScale>
    </cfRule>
  </conditionalFormatting>
  <pageMargins left="0.69930555555555596" right="0.69930555555555596" top="0.75" bottom="0.75" header="0.3" footer="0.3"/>
  <pageSetup paperSize="9"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7"/>
  <sheetViews>
    <sheetView zoomScaleNormal="100" workbookViewId="0">
      <pane xSplit="1" ySplit="1" topLeftCell="B2" activePane="bottomRight" state="frozen"/>
      <selection pane="topRight" activeCell="B1" sqref="B1"/>
      <selection pane="bottomLeft" activeCell="A2" sqref="A2"/>
      <selection pane="bottomRight" activeCell="C6" sqref="C6"/>
    </sheetView>
  </sheetViews>
  <sheetFormatPr defaultColWidth="9" defaultRowHeight="15"/>
  <cols>
    <col min="1" max="1" width="28.42578125" style="122" customWidth="1"/>
    <col min="2" max="2" width="55.42578125" style="123" customWidth="1"/>
    <col min="3" max="3" width="13" style="122" bestFit="1" customWidth="1"/>
    <col min="4" max="4" width="13" style="122" customWidth="1"/>
    <col min="5" max="5" width="15.42578125" style="122" bestFit="1" customWidth="1"/>
    <col min="6" max="6" width="11.140625" style="122" customWidth="1"/>
    <col min="7" max="7" width="15.42578125" style="122" customWidth="1"/>
    <col min="8" max="8" width="9.85546875" style="122" bestFit="1" customWidth="1"/>
    <col min="9" max="9" width="14.140625" style="122" customWidth="1"/>
    <col min="10" max="10" width="13.28515625" style="122" bestFit="1" customWidth="1"/>
    <col min="11" max="11" width="9" style="122"/>
    <col min="12" max="12" width="14.42578125" style="122" customWidth="1"/>
    <col min="13" max="16384" width="9" style="122"/>
  </cols>
  <sheetData>
    <row r="1" spans="1:7" ht="30">
      <c r="A1" s="62" t="s">
        <v>827</v>
      </c>
      <c r="B1" s="62" t="s">
        <v>828</v>
      </c>
      <c r="C1" s="62" t="s">
        <v>87</v>
      </c>
      <c r="D1" s="62" t="s">
        <v>843</v>
      </c>
      <c r="E1" s="94" t="s">
        <v>846</v>
      </c>
      <c r="F1" s="228" t="s">
        <v>86</v>
      </c>
      <c r="G1" s="54" t="s">
        <v>88</v>
      </c>
    </row>
    <row r="2" spans="1:7" ht="48" customHeight="1">
      <c r="A2" s="220" t="s">
        <v>826</v>
      </c>
      <c r="B2" s="232" t="s">
        <v>851</v>
      </c>
      <c r="C2" s="65"/>
      <c r="D2" s="222" t="s">
        <v>2847</v>
      </c>
      <c r="E2" s="222" t="s">
        <v>2847</v>
      </c>
      <c r="F2" s="218"/>
      <c r="G2" s="280"/>
    </row>
    <row r="3" spans="1:7" ht="30">
      <c r="A3" s="220" t="s">
        <v>848</v>
      </c>
      <c r="B3" s="221" t="s">
        <v>850</v>
      </c>
      <c r="C3" s="65"/>
      <c r="D3" s="222" t="s">
        <v>2847</v>
      </c>
      <c r="E3" s="222" t="s">
        <v>2847</v>
      </c>
      <c r="F3" s="218"/>
      <c r="G3" s="280"/>
    </row>
    <row r="4" spans="1:7" ht="51.95" customHeight="1">
      <c r="A4" s="220" t="s">
        <v>829</v>
      </c>
      <c r="B4" s="232" t="s">
        <v>854</v>
      </c>
      <c r="C4" s="105"/>
      <c r="D4" s="222" t="s">
        <v>2847</v>
      </c>
      <c r="E4" s="222" t="s">
        <v>2847</v>
      </c>
      <c r="F4" s="223"/>
      <c r="G4" s="219"/>
    </row>
    <row r="5" spans="1:7" ht="30">
      <c r="A5" s="220" t="s">
        <v>847</v>
      </c>
      <c r="B5" s="232" t="s">
        <v>849</v>
      </c>
      <c r="C5" s="105"/>
      <c r="D5" s="222" t="s">
        <v>2847</v>
      </c>
      <c r="E5" s="222" t="s">
        <v>2847</v>
      </c>
      <c r="F5" s="223"/>
      <c r="G5" s="219"/>
    </row>
    <row r="6" spans="1:7" ht="59.45" customHeight="1">
      <c r="A6" s="224" t="s">
        <v>831</v>
      </c>
      <c r="B6" s="233" t="s">
        <v>852</v>
      </c>
      <c r="C6" s="105"/>
      <c r="D6" s="222" t="s">
        <v>2847</v>
      </c>
      <c r="E6" s="222" t="s">
        <v>2847</v>
      </c>
      <c r="F6" s="223"/>
      <c r="G6" s="219"/>
    </row>
    <row r="7" spans="1:7" ht="48.95" customHeight="1">
      <c r="A7" s="220" t="s">
        <v>830</v>
      </c>
      <c r="B7" s="232" t="s">
        <v>853</v>
      </c>
      <c r="C7" s="234" t="s">
        <v>106</v>
      </c>
      <c r="D7" s="222" t="s">
        <v>2847</v>
      </c>
      <c r="E7" s="222" t="s">
        <v>2847</v>
      </c>
      <c r="F7" s="223"/>
      <c r="G7" s="219"/>
    </row>
  </sheetData>
  <phoneticPr fontId="88" type="noConversion"/>
  <pageMargins left="0.7" right="0.7" top="0.75" bottom="0.75" header="0.3" footer="0.3"/>
  <pageSetup paperSize="9"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90"/>
  <sheetViews>
    <sheetView workbookViewId="0">
      <pane ySplit="1" topLeftCell="A98" activePane="bottomLeft" state="frozen"/>
      <selection pane="bottomLeft" activeCell="G5" sqref="G5"/>
    </sheetView>
  </sheetViews>
  <sheetFormatPr defaultColWidth="9" defaultRowHeight="15"/>
  <cols>
    <col min="1" max="1" width="25.140625" customWidth="1"/>
    <col min="2" max="2" width="28.42578125" customWidth="1"/>
    <col min="3" max="3" width="32" style="45" customWidth="1"/>
    <col min="4" max="4" width="8.85546875" style="67" customWidth="1"/>
    <col min="5" max="5" width="11.85546875" style="67" customWidth="1"/>
    <col min="7" max="7" width="22.42578125" customWidth="1"/>
  </cols>
  <sheetData>
    <row r="1" spans="1:9" s="40" customFormat="1">
      <c r="A1" s="1"/>
      <c r="B1" s="2" t="s">
        <v>83</v>
      </c>
      <c r="C1" s="2" t="s">
        <v>84</v>
      </c>
      <c r="D1" s="62"/>
      <c r="E1" s="63"/>
      <c r="F1" s="62" t="s">
        <v>87</v>
      </c>
      <c r="G1" s="63" t="s">
        <v>85</v>
      </c>
      <c r="H1" s="54" t="s">
        <v>86</v>
      </c>
      <c r="I1" s="54" t="s">
        <v>88</v>
      </c>
    </row>
    <row r="2" spans="1:9" s="41" customFormat="1" ht="14.1" customHeight="1">
      <c r="A2" s="72"/>
      <c r="B2" s="71" t="s">
        <v>90</v>
      </c>
      <c r="C2" s="73"/>
      <c r="D2" s="91"/>
      <c r="E2" s="75"/>
      <c r="F2" s="91"/>
      <c r="G2" s="75"/>
      <c r="H2" s="76"/>
      <c r="I2" s="77"/>
    </row>
    <row r="3" spans="1:9" s="41" customFormat="1" ht="39.950000000000003" customHeight="1">
      <c r="A3" s="47"/>
      <c r="B3" s="103" t="s">
        <v>156</v>
      </c>
      <c r="C3" s="69" t="s">
        <v>91</v>
      </c>
      <c r="D3" s="90"/>
      <c r="E3" s="90"/>
      <c r="F3" s="90" t="s">
        <v>89</v>
      </c>
      <c r="G3" s="90" t="s">
        <v>89</v>
      </c>
      <c r="H3" s="59"/>
      <c r="I3" s="60"/>
    </row>
    <row r="4" spans="1:9" s="41" customFormat="1" ht="39.950000000000003" customHeight="1">
      <c r="A4" s="47"/>
      <c r="B4" s="103" t="s">
        <v>157</v>
      </c>
      <c r="C4" s="69" t="s">
        <v>92</v>
      </c>
      <c r="D4" s="90"/>
      <c r="E4" s="90"/>
      <c r="F4" s="90" t="s">
        <v>89</v>
      </c>
      <c r="G4" s="90" t="s">
        <v>89</v>
      </c>
      <c r="H4" s="59"/>
      <c r="I4" s="60"/>
    </row>
    <row r="5" spans="1:9" s="41" customFormat="1" ht="39.950000000000003" customHeight="1">
      <c r="A5" s="47"/>
      <c r="B5" s="46" t="s">
        <v>158</v>
      </c>
      <c r="C5" s="69" t="s">
        <v>91</v>
      </c>
      <c r="D5" s="90"/>
      <c r="E5" s="90"/>
      <c r="F5" s="90" t="s">
        <v>89</v>
      </c>
      <c r="G5" s="90" t="s">
        <v>89</v>
      </c>
      <c r="H5" s="59"/>
      <c r="I5" s="60"/>
    </row>
    <row r="6" spans="1:9" s="41" customFormat="1" ht="39.950000000000003" customHeight="1">
      <c r="A6" s="47"/>
      <c r="B6" s="46" t="s">
        <v>159</v>
      </c>
      <c r="C6" s="69" t="s">
        <v>93</v>
      </c>
      <c r="D6" s="90"/>
      <c r="E6" s="90"/>
      <c r="F6" s="90" t="s">
        <v>89</v>
      </c>
      <c r="G6" s="90" t="s">
        <v>89</v>
      </c>
      <c r="H6" s="59"/>
      <c r="I6" s="60"/>
    </row>
    <row r="7" spans="1:9" s="41" customFormat="1" ht="68.099999999999994" customHeight="1">
      <c r="A7" s="47"/>
      <c r="B7" s="46" t="s">
        <v>94</v>
      </c>
      <c r="C7" s="69" t="s">
        <v>155</v>
      </c>
      <c r="D7" s="90"/>
      <c r="E7" s="90"/>
      <c r="F7" s="90" t="s">
        <v>89</v>
      </c>
      <c r="G7" s="90" t="s">
        <v>89</v>
      </c>
      <c r="H7" s="59"/>
      <c r="I7" s="60"/>
    </row>
    <row r="8" spans="1:9" s="41" customFormat="1">
      <c r="A8" s="72"/>
      <c r="B8" s="71" t="s">
        <v>95</v>
      </c>
      <c r="C8" s="78"/>
      <c r="D8" s="74"/>
      <c r="E8" s="75"/>
      <c r="F8" s="74"/>
      <c r="G8" s="75"/>
      <c r="H8" s="76"/>
      <c r="I8" s="77"/>
    </row>
    <row r="9" spans="1:9" s="41" customFormat="1" ht="39.950000000000003" customHeight="1">
      <c r="A9" s="47"/>
      <c r="B9" s="46" t="s">
        <v>96</v>
      </c>
      <c r="C9" s="69" t="s">
        <v>97</v>
      </c>
      <c r="D9" s="90"/>
      <c r="E9" s="90"/>
      <c r="F9" s="90" t="s">
        <v>89</v>
      </c>
      <c r="G9" s="90" t="s">
        <v>89</v>
      </c>
      <c r="H9" s="59"/>
      <c r="I9" s="60"/>
    </row>
    <row r="10" spans="1:9" s="41" customFormat="1" ht="39.950000000000003" customHeight="1">
      <c r="A10"/>
      <c r="B10" s="46" t="s">
        <v>99</v>
      </c>
      <c r="C10" s="69" t="s">
        <v>98</v>
      </c>
      <c r="D10" s="90"/>
      <c r="E10" s="90"/>
      <c r="F10" s="90" t="s">
        <v>89</v>
      </c>
      <c r="G10" s="90" t="s">
        <v>89</v>
      </c>
      <c r="H10" s="59"/>
      <c r="I10" s="60"/>
    </row>
    <row r="11" spans="1:9" s="41" customFormat="1" ht="39.950000000000003" customHeight="1">
      <c r="A11" s="47"/>
      <c r="B11" s="46" t="s">
        <v>100</v>
      </c>
      <c r="C11" s="69" t="s">
        <v>101</v>
      </c>
      <c r="D11" s="90"/>
      <c r="E11" s="90"/>
      <c r="F11" s="90" t="s">
        <v>89</v>
      </c>
      <c r="G11" s="90" t="s">
        <v>89</v>
      </c>
      <c r="H11" s="59"/>
      <c r="I11" s="60"/>
    </row>
    <row r="12" spans="1:9" s="41" customFormat="1" ht="39.950000000000003" customHeight="1">
      <c r="A12" s="47"/>
      <c r="B12" s="46" t="s">
        <v>102</v>
      </c>
      <c r="C12" s="69" t="s">
        <v>103</v>
      </c>
      <c r="D12" s="90"/>
      <c r="E12" s="90"/>
      <c r="F12" s="90" t="s">
        <v>89</v>
      </c>
      <c r="G12" s="90" t="s">
        <v>89</v>
      </c>
      <c r="H12" s="59"/>
      <c r="I12" s="60"/>
    </row>
    <row r="13" spans="1:9" s="41" customFormat="1" ht="14.1" customHeight="1">
      <c r="A13" s="47"/>
      <c r="B13" s="46"/>
      <c r="C13" s="70"/>
      <c r="D13" s="65"/>
      <c r="E13" s="66"/>
      <c r="F13" s="59"/>
      <c r="G13" s="60"/>
    </row>
    <row r="14" spans="1:9" ht="16.5">
      <c r="A14" s="115" t="s">
        <v>160</v>
      </c>
      <c r="B14" s="115" t="s">
        <v>161</v>
      </c>
      <c r="C14" s="115" t="s">
        <v>162</v>
      </c>
      <c r="D14" s="115" t="s">
        <v>163</v>
      </c>
      <c r="E14" s="115" t="s">
        <v>164</v>
      </c>
      <c r="F14" s="115"/>
      <c r="G14" s="115" t="s">
        <v>165</v>
      </c>
    </row>
    <row r="15" spans="1:9" ht="16.5">
      <c r="A15" s="111" t="s">
        <v>166</v>
      </c>
      <c r="B15" s="111"/>
      <c r="C15" s="111"/>
      <c r="D15" s="111"/>
      <c r="E15" s="111"/>
      <c r="F15" s="111"/>
      <c r="G15" s="111"/>
    </row>
    <row r="16" spans="1:9" ht="82.5">
      <c r="A16" s="108" t="s">
        <v>167</v>
      </c>
      <c r="B16" s="108" t="s">
        <v>168</v>
      </c>
      <c r="C16" s="109" t="s">
        <v>169</v>
      </c>
      <c r="D16" s="109" t="s">
        <v>170</v>
      </c>
      <c r="E16" s="109">
        <v>16</v>
      </c>
      <c r="F16" s="90" t="s">
        <v>89</v>
      </c>
      <c r="G16" s="109"/>
    </row>
    <row r="17" spans="1:7" ht="82.5">
      <c r="A17" s="108" t="s">
        <v>171</v>
      </c>
      <c r="B17" s="108" t="s">
        <v>172</v>
      </c>
      <c r="C17" s="109" t="s">
        <v>169</v>
      </c>
      <c r="D17" s="109" t="s">
        <v>173</v>
      </c>
      <c r="E17" s="109">
        <v>24</v>
      </c>
      <c r="F17" s="90" t="s">
        <v>89</v>
      </c>
      <c r="G17" s="109"/>
    </row>
    <row r="18" spans="1:7" ht="99">
      <c r="A18" s="108" t="s">
        <v>158</v>
      </c>
      <c r="B18" s="108" t="s">
        <v>174</v>
      </c>
      <c r="C18" s="109" t="s">
        <v>169</v>
      </c>
      <c r="D18" s="109" t="s">
        <v>175</v>
      </c>
      <c r="E18" s="109">
        <v>24</v>
      </c>
      <c r="F18" s="90" t="s">
        <v>89</v>
      </c>
      <c r="G18" s="109"/>
    </row>
    <row r="19" spans="1:7" ht="115.5">
      <c r="A19" s="108" t="s">
        <v>176</v>
      </c>
      <c r="B19" s="108" t="s">
        <v>177</v>
      </c>
      <c r="C19" s="109" t="s">
        <v>169</v>
      </c>
      <c r="D19" s="109" t="s">
        <v>175</v>
      </c>
      <c r="E19" s="109">
        <v>48</v>
      </c>
      <c r="F19" s="90" t="s">
        <v>89</v>
      </c>
      <c r="G19" s="109"/>
    </row>
    <row r="20" spans="1:7" ht="99">
      <c r="A20" s="108" t="s">
        <v>178</v>
      </c>
      <c r="B20" s="108" t="s">
        <v>179</v>
      </c>
      <c r="C20" s="109" t="s">
        <v>180</v>
      </c>
      <c r="D20" s="109" t="s">
        <v>175</v>
      </c>
      <c r="E20" s="109">
        <v>24</v>
      </c>
      <c r="F20" s="90" t="s">
        <v>89</v>
      </c>
      <c r="G20" s="109"/>
    </row>
    <row r="21" spans="1:7" ht="99">
      <c r="A21" s="108" t="s">
        <v>181</v>
      </c>
      <c r="B21" s="108" t="s">
        <v>182</v>
      </c>
      <c r="C21" s="109" t="s">
        <v>180</v>
      </c>
      <c r="D21" s="109" t="s">
        <v>175</v>
      </c>
      <c r="E21" s="109">
        <v>48</v>
      </c>
      <c r="F21" s="90" t="s">
        <v>89</v>
      </c>
      <c r="G21" s="109"/>
    </row>
    <row r="22" spans="1:7" ht="99">
      <c r="A22" s="108" t="s">
        <v>183</v>
      </c>
      <c r="B22" s="108" t="s">
        <v>184</v>
      </c>
      <c r="C22" s="109" t="s">
        <v>169</v>
      </c>
      <c r="D22" s="109" t="s">
        <v>175</v>
      </c>
      <c r="E22" s="109">
        <v>60</v>
      </c>
      <c r="F22" s="90" t="s">
        <v>89</v>
      </c>
      <c r="G22" s="109"/>
    </row>
    <row r="23" spans="1:7" ht="99">
      <c r="A23" s="108" t="s">
        <v>185</v>
      </c>
      <c r="B23" s="108" t="s">
        <v>186</v>
      </c>
      <c r="C23" s="109" t="s">
        <v>180</v>
      </c>
      <c r="D23" s="109" t="s">
        <v>175</v>
      </c>
      <c r="E23" s="109">
        <v>60</v>
      </c>
      <c r="F23" s="90" t="s">
        <v>89</v>
      </c>
      <c r="G23" s="109"/>
    </row>
    <row r="24" spans="1:7" ht="16.5">
      <c r="A24" s="110" t="s">
        <v>187</v>
      </c>
      <c r="B24" s="110"/>
      <c r="C24" s="110"/>
      <c r="D24" s="110"/>
      <c r="E24" s="110"/>
      <c r="F24" s="110"/>
      <c r="G24" s="110"/>
    </row>
    <row r="25" spans="1:7" ht="49.5">
      <c r="A25" s="108" t="s">
        <v>188</v>
      </c>
      <c r="B25" s="108" t="s">
        <v>189</v>
      </c>
      <c r="C25" s="109" t="s">
        <v>124</v>
      </c>
      <c r="D25" s="109" t="s">
        <v>124</v>
      </c>
      <c r="E25" s="109">
        <v>24</v>
      </c>
      <c r="F25" s="90" t="s">
        <v>89</v>
      </c>
      <c r="G25" s="109"/>
    </row>
    <row r="26" spans="1:7" ht="33">
      <c r="A26" s="108" t="s">
        <v>190</v>
      </c>
      <c r="B26" s="108" t="s">
        <v>191</v>
      </c>
      <c r="C26" s="109" t="s">
        <v>124</v>
      </c>
      <c r="D26" s="109" t="s">
        <v>124</v>
      </c>
      <c r="E26" s="109">
        <v>48</v>
      </c>
      <c r="F26" s="90" t="s">
        <v>89</v>
      </c>
      <c r="G26" s="109"/>
    </row>
    <row r="27" spans="1:7" ht="33">
      <c r="A27" s="108" t="s">
        <v>192</v>
      </c>
      <c r="B27" s="108" t="s">
        <v>193</v>
      </c>
      <c r="C27" s="109" t="s">
        <v>124</v>
      </c>
      <c r="D27" s="109" t="s">
        <v>124</v>
      </c>
      <c r="E27" s="109">
        <v>24</v>
      </c>
      <c r="F27" s="90" t="s">
        <v>89</v>
      </c>
      <c r="G27" s="109"/>
    </row>
    <row r="28" spans="1:7" ht="33">
      <c r="A28" s="108" t="s">
        <v>194</v>
      </c>
      <c r="B28" s="108" t="s">
        <v>195</v>
      </c>
      <c r="C28" s="109" t="s">
        <v>124</v>
      </c>
      <c r="D28" s="109" t="s">
        <v>124</v>
      </c>
      <c r="E28" s="109">
        <v>48</v>
      </c>
      <c r="F28" s="90" t="s">
        <v>89</v>
      </c>
      <c r="G28" s="109"/>
    </row>
    <row r="29" spans="1:7" ht="33">
      <c r="A29" s="108" t="s">
        <v>196</v>
      </c>
      <c r="B29" s="108" t="s">
        <v>197</v>
      </c>
      <c r="C29" s="109" t="s">
        <v>124</v>
      </c>
      <c r="D29" s="109" t="s">
        <v>124</v>
      </c>
      <c r="E29" s="109">
        <v>60</v>
      </c>
      <c r="F29" s="90" t="s">
        <v>89</v>
      </c>
      <c r="G29" s="109"/>
    </row>
    <row r="30" spans="1:7" ht="33">
      <c r="A30" s="108" t="s">
        <v>198</v>
      </c>
      <c r="B30" s="108" t="s">
        <v>199</v>
      </c>
      <c r="C30" s="109" t="s">
        <v>124</v>
      </c>
      <c r="D30" s="109" t="s">
        <v>124</v>
      </c>
      <c r="E30" s="109">
        <v>60</v>
      </c>
      <c r="F30" s="90" t="s">
        <v>89</v>
      </c>
      <c r="G30" s="109"/>
    </row>
    <row r="31" spans="1:7" ht="16.5">
      <c r="A31" s="110" t="s">
        <v>200</v>
      </c>
      <c r="B31" s="110"/>
      <c r="C31" s="110"/>
      <c r="D31" s="110"/>
      <c r="E31" s="110"/>
      <c r="F31" s="110"/>
      <c r="G31" s="110"/>
    </row>
    <row r="32" spans="1:7" ht="33">
      <c r="A32" s="108" t="s">
        <v>201</v>
      </c>
      <c r="B32" s="108" t="s">
        <v>202</v>
      </c>
      <c r="C32" s="109" t="s">
        <v>124</v>
      </c>
      <c r="D32" s="109" t="s">
        <v>124</v>
      </c>
      <c r="E32" s="109" t="s">
        <v>124</v>
      </c>
      <c r="F32" s="90" t="s">
        <v>89</v>
      </c>
      <c r="G32" s="109"/>
    </row>
    <row r="33" spans="1:7" ht="16.5">
      <c r="A33" s="108" t="s">
        <v>203</v>
      </c>
      <c r="B33" s="108" t="s">
        <v>204</v>
      </c>
      <c r="C33" s="109" t="s">
        <v>124</v>
      </c>
      <c r="D33" s="109" t="s">
        <v>205</v>
      </c>
      <c r="E33" s="109" t="s">
        <v>124</v>
      </c>
      <c r="F33" s="90" t="s">
        <v>89</v>
      </c>
      <c r="G33" s="109" t="s">
        <v>206</v>
      </c>
    </row>
    <row r="34" spans="1:7" ht="33">
      <c r="A34" s="108" t="s">
        <v>207</v>
      </c>
      <c r="B34" s="108" t="s">
        <v>208</v>
      </c>
      <c r="C34" s="109" t="s">
        <v>124</v>
      </c>
      <c r="D34" s="109" t="s">
        <v>124</v>
      </c>
      <c r="E34" s="109" t="s">
        <v>124</v>
      </c>
      <c r="F34" s="90" t="s">
        <v>89</v>
      </c>
      <c r="G34" s="109" t="s">
        <v>206</v>
      </c>
    </row>
    <row r="35" spans="1:7" ht="33">
      <c r="A35" s="108" t="s">
        <v>209</v>
      </c>
      <c r="B35" s="108" t="s">
        <v>204</v>
      </c>
      <c r="C35" s="109" t="s">
        <v>124</v>
      </c>
      <c r="D35" s="109" t="s">
        <v>124</v>
      </c>
      <c r="E35" s="109" t="s">
        <v>124</v>
      </c>
      <c r="F35" s="90" t="s">
        <v>89</v>
      </c>
      <c r="G35" s="109" t="s">
        <v>210</v>
      </c>
    </row>
    <row r="36" spans="1:7" ht="33">
      <c r="A36" s="108" t="s">
        <v>211</v>
      </c>
      <c r="B36" s="108" t="s">
        <v>212</v>
      </c>
      <c r="C36" s="109" t="s">
        <v>124</v>
      </c>
      <c r="D36" s="109" t="s">
        <v>124</v>
      </c>
      <c r="E36" s="109" t="s">
        <v>124</v>
      </c>
      <c r="F36" s="90" t="s">
        <v>89</v>
      </c>
      <c r="G36" s="109" t="s">
        <v>210</v>
      </c>
    </row>
    <row r="37" spans="1:7" ht="16.5">
      <c r="A37" s="110" t="s">
        <v>213</v>
      </c>
      <c r="B37" s="110"/>
      <c r="C37" s="110"/>
      <c r="D37" s="110"/>
      <c r="E37" s="110"/>
      <c r="F37" s="110"/>
      <c r="G37" s="110"/>
    </row>
    <row r="38" spans="1:7" ht="49.5">
      <c r="A38" s="108" t="s">
        <v>214</v>
      </c>
      <c r="B38" s="108" t="s">
        <v>215</v>
      </c>
      <c r="C38" s="109" t="s">
        <v>124</v>
      </c>
      <c r="D38" s="109" t="s">
        <v>124</v>
      </c>
      <c r="E38" s="109" t="s">
        <v>124</v>
      </c>
      <c r="F38" s="90" t="s">
        <v>89</v>
      </c>
      <c r="G38" s="112" t="s">
        <v>216</v>
      </c>
    </row>
    <row r="39" spans="1:7" ht="49.5">
      <c r="A39" s="108" t="s">
        <v>217</v>
      </c>
      <c r="B39" s="108" t="s">
        <v>218</v>
      </c>
      <c r="C39" s="109" t="s">
        <v>124</v>
      </c>
      <c r="D39" s="109" t="s">
        <v>124</v>
      </c>
      <c r="E39" s="109" t="s">
        <v>124</v>
      </c>
      <c r="F39" s="90" t="s">
        <v>89</v>
      </c>
      <c r="G39" s="113"/>
    </row>
    <row r="40" spans="1:7" ht="49.5">
      <c r="A40" s="108" t="s">
        <v>219</v>
      </c>
      <c r="B40" s="108" t="s">
        <v>220</v>
      </c>
      <c r="C40" s="109" t="s">
        <v>124</v>
      </c>
      <c r="D40" s="109" t="s">
        <v>124</v>
      </c>
      <c r="E40" s="109" t="s">
        <v>124</v>
      </c>
      <c r="F40" s="90" t="s">
        <v>89</v>
      </c>
      <c r="G40" s="113"/>
    </row>
    <row r="41" spans="1:7" ht="66">
      <c r="A41" s="108" t="s">
        <v>221</v>
      </c>
      <c r="B41" s="108" t="s">
        <v>222</v>
      </c>
      <c r="C41" s="109" t="s">
        <v>124</v>
      </c>
      <c r="D41" s="109" t="s">
        <v>124</v>
      </c>
      <c r="E41" s="109" t="s">
        <v>124</v>
      </c>
      <c r="F41" s="90" t="s">
        <v>89</v>
      </c>
      <c r="G41" s="113"/>
    </row>
    <row r="42" spans="1:7" ht="66">
      <c r="A42" s="108" t="s">
        <v>223</v>
      </c>
      <c r="B42" s="108" t="s">
        <v>224</v>
      </c>
      <c r="C42" s="109" t="s">
        <v>124</v>
      </c>
      <c r="D42" s="109" t="s">
        <v>124</v>
      </c>
      <c r="E42" s="109" t="s">
        <v>124</v>
      </c>
      <c r="F42" s="90" t="s">
        <v>89</v>
      </c>
      <c r="G42" s="113"/>
    </row>
    <row r="43" spans="1:7" ht="66">
      <c r="A43" s="108" t="s">
        <v>225</v>
      </c>
      <c r="B43" s="108" t="s">
        <v>226</v>
      </c>
      <c r="C43" s="109" t="s">
        <v>124</v>
      </c>
      <c r="D43" s="109" t="s">
        <v>124</v>
      </c>
      <c r="E43" s="109" t="s">
        <v>124</v>
      </c>
      <c r="F43" s="90" t="s">
        <v>89</v>
      </c>
      <c r="G43" s="113"/>
    </row>
    <row r="44" spans="1:7" ht="66">
      <c r="A44" s="108" t="s">
        <v>227</v>
      </c>
      <c r="B44" s="108" t="s">
        <v>228</v>
      </c>
      <c r="C44" s="109" t="s">
        <v>124</v>
      </c>
      <c r="D44" s="109" t="s">
        <v>124</v>
      </c>
      <c r="E44" s="109" t="s">
        <v>124</v>
      </c>
      <c r="F44" s="90" t="s">
        <v>89</v>
      </c>
      <c r="G44" s="113"/>
    </row>
    <row r="45" spans="1:7" ht="66">
      <c r="A45" s="108" t="s">
        <v>229</v>
      </c>
      <c r="B45" s="108" t="s">
        <v>230</v>
      </c>
      <c r="C45" s="109" t="s">
        <v>124</v>
      </c>
      <c r="D45" s="109" t="s">
        <v>124</v>
      </c>
      <c r="E45" s="109" t="s">
        <v>124</v>
      </c>
      <c r="F45" s="90" t="s">
        <v>89</v>
      </c>
      <c r="G45" s="113"/>
    </row>
    <row r="46" spans="1:7" ht="66">
      <c r="A46" s="108" t="s">
        <v>231</v>
      </c>
      <c r="B46" s="108" t="s">
        <v>232</v>
      </c>
      <c r="C46" s="109" t="s">
        <v>124</v>
      </c>
      <c r="D46" s="109" t="s">
        <v>124</v>
      </c>
      <c r="E46" s="109" t="s">
        <v>124</v>
      </c>
      <c r="F46" s="90" t="s">
        <v>89</v>
      </c>
      <c r="G46" s="113"/>
    </row>
    <row r="47" spans="1:7" ht="66">
      <c r="A47" s="108" t="s">
        <v>233</v>
      </c>
      <c r="B47" s="108" t="s">
        <v>234</v>
      </c>
      <c r="C47" s="109" t="s">
        <v>124</v>
      </c>
      <c r="D47" s="109" t="s">
        <v>124</v>
      </c>
      <c r="E47" s="109" t="s">
        <v>124</v>
      </c>
      <c r="F47" s="90" t="s">
        <v>89</v>
      </c>
      <c r="G47" s="113"/>
    </row>
    <row r="48" spans="1:7" ht="66">
      <c r="A48" s="108" t="s">
        <v>235</v>
      </c>
      <c r="B48" s="108" t="s">
        <v>236</v>
      </c>
      <c r="C48" s="109" t="s">
        <v>124</v>
      </c>
      <c r="D48" s="109" t="s">
        <v>124</v>
      </c>
      <c r="E48" s="109" t="s">
        <v>124</v>
      </c>
      <c r="F48" s="90" t="s">
        <v>89</v>
      </c>
      <c r="G48" s="113"/>
    </row>
    <row r="49" spans="1:7" ht="66">
      <c r="A49" s="108" t="s">
        <v>237</v>
      </c>
      <c r="B49" s="108" t="s">
        <v>238</v>
      </c>
      <c r="C49" s="109" t="s">
        <v>124</v>
      </c>
      <c r="D49" s="109" t="s">
        <v>124</v>
      </c>
      <c r="E49" s="109" t="s">
        <v>124</v>
      </c>
      <c r="F49" s="90" t="s">
        <v>89</v>
      </c>
      <c r="G49" s="113"/>
    </row>
    <row r="50" spans="1:7" ht="66">
      <c r="A50" s="108" t="s">
        <v>239</v>
      </c>
      <c r="B50" s="108" t="s">
        <v>240</v>
      </c>
      <c r="C50" s="109" t="s">
        <v>124</v>
      </c>
      <c r="D50" s="109" t="s">
        <v>124</v>
      </c>
      <c r="E50" s="109" t="s">
        <v>124</v>
      </c>
      <c r="F50" s="90" t="s">
        <v>89</v>
      </c>
      <c r="G50" s="114"/>
    </row>
    <row r="51" spans="1:7" ht="66">
      <c r="A51" s="108" t="s">
        <v>241</v>
      </c>
      <c r="B51" s="108" t="s">
        <v>242</v>
      </c>
      <c r="C51" s="109" t="s">
        <v>124</v>
      </c>
      <c r="D51" s="109" t="s">
        <v>124</v>
      </c>
      <c r="E51" s="109" t="s">
        <v>124</v>
      </c>
      <c r="F51" s="90" t="s">
        <v>89</v>
      </c>
      <c r="G51" s="112" t="s">
        <v>243</v>
      </c>
    </row>
    <row r="52" spans="1:7" ht="66">
      <c r="A52" s="108" t="s">
        <v>244</v>
      </c>
      <c r="B52" s="108" t="s">
        <v>245</v>
      </c>
      <c r="C52" s="109" t="s">
        <v>124</v>
      </c>
      <c r="D52" s="109" t="s">
        <v>124</v>
      </c>
      <c r="E52" s="109" t="s">
        <v>124</v>
      </c>
      <c r="F52" s="90" t="s">
        <v>89</v>
      </c>
      <c r="G52" s="113"/>
    </row>
    <row r="53" spans="1:7" ht="66">
      <c r="A53" s="108" t="s">
        <v>246</v>
      </c>
      <c r="B53" s="108" t="s">
        <v>247</v>
      </c>
      <c r="C53" s="109" t="s">
        <v>124</v>
      </c>
      <c r="D53" s="109" t="s">
        <v>124</v>
      </c>
      <c r="E53" s="109" t="s">
        <v>124</v>
      </c>
      <c r="F53" s="90" t="s">
        <v>89</v>
      </c>
      <c r="G53" s="113"/>
    </row>
    <row r="54" spans="1:7" ht="66">
      <c r="A54" s="108" t="s">
        <v>248</v>
      </c>
      <c r="B54" s="108" t="s">
        <v>249</v>
      </c>
      <c r="C54" s="109" t="s">
        <v>124</v>
      </c>
      <c r="D54" s="109" t="s">
        <v>124</v>
      </c>
      <c r="E54" s="109" t="s">
        <v>124</v>
      </c>
      <c r="F54" s="90" t="s">
        <v>89</v>
      </c>
      <c r="G54" s="113"/>
    </row>
    <row r="55" spans="1:7" ht="66">
      <c r="A55" s="108" t="s">
        <v>250</v>
      </c>
      <c r="B55" s="108" t="s">
        <v>251</v>
      </c>
      <c r="C55" s="109" t="s">
        <v>124</v>
      </c>
      <c r="D55" s="109" t="s">
        <v>124</v>
      </c>
      <c r="E55" s="109" t="s">
        <v>124</v>
      </c>
      <c r="F55" s="90" t="s">
        <v>89</v>
      </c>
      <c r="G55" s="113"/>
    </row>
    <row r="56" spans="1:7" ht="66">
      <c r="A56" s="108" t="s">
        <v>252</v>
      </c>
      <c r="B56" s="108" t="s">
        <v>253</v>
      </c>
      <c r="C56" s="109" t="s">
        <v>124</v>
      </c>
      <c r="D56" s="109" t="s">
        <v>124</v>
      </c>
      <c r="E56" s="109" t="s">
        <v>124</v>
      </c>
      <c r="F56" s="90" t="s">
        <v>89</v>
      </c>
      <c r="G56" s="113"/>
    </row>
    <row r="57" spans="1:7" ht="49.5">
      <c r="A57" s="108" t="s">
        <v>254</v>
      </c>
      <c r="B57" s="108" t="s">
        <v>255</v>
      </c>
      <c r="C57" s="109" t="s">
        <v>124</v>
      </c>
      <c r="D57" s="109" t="s">
        <v>124</v>
      </c>
      <c r="E57" s="109" t="s">
        <v>124</v>
      </c>
      <c r="F57" s="90" t="s">
        <v>89</v>
      </c>
      <c r="G57" s="113"/>
    </row>
    <row r="58" spans="1:7" ht="49.5">
      <c r="A58" s="108" t="s">
        <v>256</v>
      </c>
      <c r="B58" s="108" t="s">
        <v>257</v>
      </c>
      <c r="C58" s="109" t="s">
        <v>124</v>
      </c>
      <c r="D58" s="109" t="s">
        <v>124</v>
      </c>
      <c r="E58" s="109" t="s">
        <v>124</v>
      </c>
      <c r="F58" s="90" t="s">
        <v>89</v>
      </c>
      <c r="G58" s="113"/>
    </row>
    <row r="59" spans="1:7" ht="49.5">
      <c r="A59" s="108" t="s">
        <v>258</v>
      </c>
      <c r="B59" s="108" t="s">
        <v>259</v>
      </c>
      <c r="C59" s="109" t="s">
        <v>124</v>
      </c>
      <c r="D59" s="109" t="s">
        <v>124</v>
      </c>
      <c r="E59" s="109" t="s">
        <v>124</v>
      </c>
      <c r="F59" s="90" t="s">
        <v>89</v>
      </c>
      <c r="G59" s="113"/>
    </row>
    <row r="60" spans="1:7" ht="49.5">
      <c r="A60" s="108" t="s">
        <v>260</v>
      </c>
      <c r="B60" s="108" t="s">
        <v>261</v>
      </c>
      <c r="C60" s="109" t="s">
        <v>124</v>
      </c>
      <c r="D60" s="109" t="s">
        <v>124</v>
      </c>
      <c r="E60" s="109" t="s">
        <v>124</v>
      </c>
      <c r="F60" s="90" t="s">
        <v>89</v>
      </c>
      <c r="G60" s="114"/>
    </row>
    <row r="61" spans="1:7" ht="49.5">
      <c r="A61" s="108" t="s">
        <v>262</v>
      </c>
      <c r="B61" s="108" t="s">
        <v>263</v>
      </c>
      <c r="C61" s="109" t="s">
        <v>124</v>
      </c>
      <c r="D61" s="109" t="s">
        <v>124</v>
      </c>
      <c r="E61" s="109" t="s">
        <v>124</v>
      </c>
      <c r="F61" s="90" t="s">
        <v>89</v>
      </c>
      <c r="G61" s="112" t="s">
        <v>264</v>
      </c>
    </row>
    <row r="62" spans="1:7" ht="49.5">
      <c r="A62" s="108" t="s">
        <v>265</v>
      </c>
      <c r="B62" s="108" t="s">
        <v>266</v>
      </c>
      <c r="C62" s="109" t="s">
        <v>124</v>
      </c>
      <c r="D62" s="109" t="s">
        <v>124</v>
      </c>
      <c r="E62" s="109" t="s">
        <v>124</v>
      </c>
      <c r="F62" s="90" t="s">
        <v>89</v>
      </c>
      <c r="G62" s="113"/>
    </row>
    <row r="63" spans="1:7" ht="49.5">
      <c r="A63" s="108" t="s">
        <v>267</v>
      </c>
      <c r="B63" s="108" t="s">
        <v>268</v>
      </c>
      <c r="C63" s="109" t="s">
        <v>124</v>
      </c>
      <c r="D63" s="109" t="s">
        <v>124</v>
      </c>
      <c r="E63" s="109" t="s">
        <v>124</v>
      </c>
      <c r="F63" s="90" t="s">
        <v>89</v>
      </c>
      <c r="G63" s="113"/>
    </row>
    <row r="64" spans="1:7" ht="49.5">
      <c r="A64" s="108" t="s">
        <v>269</v>
      </c>
      <c r="B64" s="108" t="s">
        <v>270</v>
      </c>
      <c r="C64" s="109" t="s">
        <v>124</v>
      </c>
      <c r="D64" s="109" t="s">
        <v>124</v>
      </c>
      <c r="E64" s="109" t="s">
        <v>124</v>
      </c>
      <c r="F64" s="90" t="s">
        <v>89</v>
      </c>
      <c r="G64" s="113"/>
    </row>
    <row r="65" spans="1:7" ht="49.5">
      <c r="A65" s="108" t="s">
        <v>271</v>
      </c>
      <c r="B65" s="108" t="s">
        <v>272</v>
      </c>
      <c r="C65" s="109" t="s">
        <v>124</v>
      </c>
      <c r="D65" s="109" t="s">
        <v>124</v>
      </c>
      <c r="E65" s="109" t="s">
        <v>124</v>
      </c>
      <c r="F65" s="90" t="s">
        <v>89</v>
      </c>
      <c r="G65" s="113"/>
    </row>
    <row r="66" spans="1:7" ht="49.5">
      <c r="A66" s="108" t="s">
        <v>273</v>
      </c>
      <c r="B66" s="108" t="s">
        <v>274</v>
      </c>
      <c r="C66" s="109" t="s">
        <v>124</v>
      </c>
      <c r="D66" s="109" t="s">
        <v>124</v>
      </c>
      <c r="E66" s="109" t="s">
        <v>124</v>
      </c>
      <c r="F66" s="90" t="s">
        <v>89</v>
      </c>
      <c r="G66" s="113"/>
    </row>
    <row r="67" spans="1:7" ht="49.5">
      <c r="A67" s="108" t="s">
        <v>275</v>
      </c>
      <c r="B67" s="108" t="s">
        <v>276</v>
      </c>
      <c r="C67" s="109" t="s">
        <v>124</v>
      </c>
      <c r="D67" s="109" t="s">
        <v>124</v>
      </c>
      <c r="E67" s="109" t="s">
        <v>124</v>
      </c>
      <c r="F67" s="90" t="s">
        <v>89</v>
      </c>
      <c r="G67" s="113"/>
    </row>
    <row r="68" spans="1:7" ht="49.5">
      <c r="A68" s="108" t="s">
        <v>277</v>
      </c>
      <c r="B68" s="108" t="s">
        <v>278</v>
      </c>
      <c r="C68" s="109" t="s">
        <v>124</v>
      </c>
      <c r="D68" s="109" t="s">
        <v>124</v>
      </c>
      <c r="E68" s="109" t="s">
        <v>124</v>
      </c>
      <c r="F68" s="90" t="s">
        <v>89</v>
      </c>
      <c r="G68" s="113"/>
    </row>
    <row r="69" spans="1:7" ht="49.5">
      <c r="A69" s="108" t="s">
        <v>279</v>
      </c>
      <c r="B69" s="108" t="s">
        <v>280</v>
      </c>
      <c r="C69" s="109" t="s">
        <v>124</v>
      </c>
      <c r="D69" s="109" t="s">
        <v>124</v>
      </c>
      <c r="E69" s="109" t="s">
        <v>124</v>
      </c>
      <c r="F69" s="90" t="s">
        <v>89</v>
      </c>
      <c r="G69" s="113"/>
    </row>
    <row r="70" spans="1:7" ht="49.5">
      <c r="A70" s="108" t="s">
        <v>281</v>
      </c>
      <c r="B70" s="108" t="s">
        <v>282</v>
      </c>
      <c r="C70" s="109" t="s">
        <v>124</v>
      </c>
      <c r="D70" s="109" t="s">
        <v>124</v>
      </c>
      <c r="E70" s="109" t="s">
        <v>124</v>
      </c>
      <c r="F70" s="90" t="s">
        <v>89</v>
      </c>
      <c r="G70" s="114"/>
    </row>
    <row r="71" spans="1:7" ht="49.5">
      <c r="A71" s="108" t="s">
        <v>283</v>
      </c>
      <c r="B71" s="108" t="s">
        <v>284</v>
      </c>
      <c r="C71" s="109" t="s">
        <v>124</v>
      </c>
      <c r="D71" s="109" t="s">
        <v>124</v>
      </c>
      <c r="E71" s="109" t="s">
        <v>124</v>
      </c>
      <c r="F71" s="90" t="s">
        <v>89</v>
      </c>
      <c r="G71" s="112" t="s">
        <v>285</v>
      </c>
    </row>
    <row r="72" spans="1:7" ht="49.5">
      <c r="A72" s="108" t="s">
        <v>286</v>
      </c>
      <c r="B72" s="108" t="s">
        <v>287</v>
      </c>
      <c r="C72" s="109" t="s">
        <v>124</v>
      </c>
      <c r="D72" s="109" t="s">
        <v>124</v>
      </c>
      <c r="E72" s="109" t="s">
        <v>124</v>
      </c>
      <c r="F72" s="90" t="s">
        <v>89</v>
      </c>
      <c r="G72" s="113"/>
    </row>
    <row r="73" spans="1:7" ht="49.5">
      <c r="A73" s="108" t="s">
        <v>288</v>
      </c>
      <c r="B73" s="108" t="s">
        <v>289</v>
      </c>
      <c r="C73" s="109" t="s">
        <v>124</v>
      </c>
      <c r="D73" s="109" t="s">
        <v>124</v>
      </c>
      <c r="E73" s="109" t="s">
        <v>124</v>
      </c>
      <c r="F73" s="90" t="s">
        <v>89</v>
      </c>
      <c r="G73" s="113"/>
    </row>
    <row r="74" spans="1:7" ht="49.5">
      <c r="A74" s="108" t="s">
        <v>290</v>
      </c>
      <c r="B74" s="108" t="s">
        <v>291</v>
      </c>
      <c r="C74" s="109" t="s">
        <v>124</v>
      </c>
      <c r="D74" s="109" t="s">
        <v>124</v>
      </c>
      <c r="E74" s="109" t="s">
        <v>124</v>
      </c>
      <c r="F74" s="90" t="s">
        <v>89</v>
      </c>
      <c r="G74" s="113"/>
    </row>
    <row r="75" spans="1:7" ht="66">
      <c r="A75" s="108" t="s">
        <v>292</v>
      </c>
      <c r="B75" s="108" t="s">
        <v>293</v>
      </c>
      <c r="C75" s="109" t="s">
        <v>124</v>
      </c>
      <c r="D75" s="109" t="s">
        <v>124</v>
      </c>
      <c r="E75" s="109" t="s">
        <v>124</v>
      </c>
      <c r="F75" s="90" t="s">
        <v>89</v>
      </c>
      <c r="G75" s="113"/>
    </row>
    <row r="76" spans="1:7" ht="66">
      <c r="A76" s="108" t="s">
        <v>294</v>
      </c>
      <c r="B76" s="108" t="s">
        <v>295</v>
      </c>
      <c r="C76" s="109" t="s">
        <v>124</v>
      </c>
      <c r="D76" s="109" t="s">
        <v>124</v>
      </c>
      <c r="E76" s="109" t="s">
        <v>124</v>
      </c>
      <c r="F76" s="90" t="s">
        <v>89</v>
      </c>
      <c r="G76" s="113"/>
    </row>
    <row r="77" spans="1:7" ht="66">
      <c r="A77" s="108" t="s">
        <v>296</v>
      </c>
      <c r="B77" s="108" t="s">
        <v>297</v>
      </c>
      <c r="C77" s="109" t="s">
        <v>124</v>
      </c>
      <c r="D77" s="109" t="s">
        <v>124</v>
      </c>
      <c r="E77" s="109" t="s">
        <v>124</v>
      </c>
      <c r="F77" s="90" t="s">
        <v>89</v>
      </c>
      <c r="G77" s="113"/>
    </row>
    <row r="78" spans="1:7" ht="49.5">
      <c r="A78" s="108" t="s">
        <v>298</v>
      </c>
      <c r="B78" s="108" t="s">
        <v>299</v>
      </c>
      <c r="C78" s="109" t="s">
        <v>124</v>
      </c>
      <c r="D78" s="109" t="s">
        <v>124</v>
      </c>
      <c r="E78" s="109" t="s">
        <v>124</v>
      </c>
      <c r="F78" s="90" t="s">
        <v>89</v>
      </c>
      <c r="G78" s="113"/>
    </row>
    <row r="79" spans="1:7" ht="49.5">
      <c r="A79" s="108" t="s">
        <v>300</v>
      </c>
      <c r="B79" s="108" t="s">
        <v>301</v>
      </c>
      <c r="C79" s="109" t="s">
        <v>124</v>
      </c>
      <c r="D79" s="109" t="s">
        <v>124</v>
      </c>
      <c r="E79" s="109" t="s">
        <v>124</v>
      </c>
      <c r="F79" s="90" t="s">
        <v>89</v>
      </c>
      <c r="G79" s="113"/>
    </row>
    <row r="80" spans="1:7" ht="66">
      <c r="A80" s="108" t="s">
        <v>302</v>
      </c>
      <c r="B80" s="108" t="s">
        <v>303</v>
      </c>
      <c r="C80" s="109" t="s">
        <v>124</v>
      </c>
      <c r="D80" s="109" t="s">
        <v>124</v>
      </c>
      <c r="E80" s="109" t="s">
        <v>124</v>
      </c>
      <c r="F80" s="90" t="s">
        <v>89</v>
      </c>
      <c r="G80" s="114"/>
    </row>
    <row r="81" spans="1:7" ht="66">
      <c r="A81" s="108" t="s">
        <v>304</v>
      </c>
      <c r="B81" s="108" t="s">
        <v>305</v>
      </c>
      <c r="C81" s="109" t="s">
        <v>124</v>
      </c>
      <c r="D81" s="109" t="s">
        <v>124</v>
      </c>
      <c r="E81" s="109" t="s">
        <v>124</v>
      </c>
      <c r="F81" s="90" t="s">
        <v>89</v>
      </c>
      <c r="G81" s="112" t="s">
        <v>306</v>
      </c>
    </row>
    <row r="82" spans="1:7" ht="66">
      <c r="A82" s="108" t="s">
        <v>307</v>
      </c>
      <c r="B82" s="108" t="s">
        <v>308</v>
      </c>
      <c r="C82" s="109" t="s">
        <v>124</v>
      </c>
      <c r="D82" s="109" t="s">
        <v>124</v>
      </c>
      <c r="E82" s="109" t="s">
        <v>124</v>
      </c>
      <c r="F82" s="90" t="s">
        <v>89</v>
      </c>
      <c r="G82" s="113"/>
    </row>
    <row r="83" spans="1:7" ht="66">
      <c r="A83" s="108" t="s">
        <v>309</v>
      </c>
      <c r="B83" s="108" t="s">
        <v>310</v>
      </c>
      <c r="C83" s="109" t="s">
        <v>124</v>
      </c>
      <c r="D83" s="109" t="s">
        <v>124</v>
      </c>
      <c r="E83" s="109" t="s">
        <v>124</v>
      </c>
      <c r="F83" s="90" t="s">
        <v>89</v>
      </c>
      <c r="G83" s="113"/>
    </row>
    <row r="84" spans="1:7" ht="66">
      <c r="A84" s="108" t="s">
        <v>311</v>
      </c>
      <c r="B84" s="108" t="s">
        <v>312</v>
      </c>
      <c r="C84" s="109" t="s">
        <v>124</v>
      </c>
      <c r="D84" s="109" t="s">
        <v>124</v>
      </c>
      <c r="E84" s="109" t="s">
        <v>124</v>
      </c>
      <c r="F84" s="90" t="s">
        <v>89</v>
      </c>
      <c r="G84" s="113"/>
    </row>
    <row r="85" spans="1:7" ht="49.5">
      <c r="A85" s="108" t="s">
        <v>313</v>
      </c>
      <c r="B85" s="108" t="s">
        <v>314</v>
      </c>
      <c r="C85" s="109" t="s">
        <v>124</v>
      </c>
      <c r="D85" s="109" t="s">
        <v>124</v>
      </c>
      <c r="E85" s="109" t="s">
        <v>124</v>
      </c>
      <c r="F85" s="90" t="s">
        <v>89</v>
      </c>
      <c r="G85" s="113"/>
    </row>
    <row r="86" spans="1:7" ht="49.5">
      <c r="A86" s="108" t="s">
        <v>315</v>
      </c>
      <c r="B86" s="108" t="s">
        <v>316</v>
      </c>
      <c r="C86" s="109" t="s">
        <v>124</v>
      </c>
      <c r="D86" s="109" t="s">
        <v>124</v>
      </c>
      <c r="E86" s="109" t="s">
        <v>124</v>
      </c>
      <c r="F86" s="90" t="s">
        <v>89</v>
      </c>
      <c r="G86" s="113"/>
    </row>
    <row r="87" spans="1:7" ht="49.5">
      <c r="A87" s="108" t="s">
        <v>317</v>
      </c>
      <c r="B87" s="108" t="s">
        <v>318</v>
      </c>
      <c r="C87" s="109" t="s">
        <v>124</v>
      </c>
      <c r="D87" s="109" t="s">
        <v>124</v>
      </c>
      <c r="E87" s="109" t="s">
        <v>124</v>
      </c>
      <c r="F87" s="90" t="s">
        <v>89</v>
      </c>
      <c r="G87" s="113"/>
    </row>
    <row r="88" spans="1:7" ht="49.5">
      <c r="A88" s="108" t="s">
        <v>319</v>
      </c>
      <c r="B88" s="108" t="s">
        <v>320</v>
      </c>
      <c r="C88" s="109" t="s">
        <v>124</v>
      </c>
      <c r="D88" s="109" t="s">
        <v>124</v>
      </c>
      <c r="E88" s="109" t="s">
        <v>124</v>
      </c>
      <c r="F88" s="90" t="s">
        <v>89</v>
      </c>
      <c r="G88" s="113"/>
    </row>
    <row r="89" spans="1:7" ht="49.5">
      <c r="A89" s="108" t="s">
        <v>321</v>
      </c>
      <c r="B89" s="108" t="s">
        <v>322</v>
      </c>
      <c r="C89" s="109" t="s">
        <v>124</v>
      </c>
      <c r="D89" s="109" t="s">
        <v>124</v>
      </c>
      <c r="E89" s="109" t="s">
        <v>124</v>
      </c>
      <c r="F89" s="90" t="s">
        <v>89</v>
      </c>
      <c r="G89" s="113"/>
    </row>
    <row r="90" spans="1:7" ht="49.5">
      <c r="A90" s="108" t="s">
        <v>323</v>
      </c>
      <c r="B90" s="108" t="s">
        <v>324</v>
      </c>
      <c r="C90" s="109" t="s">
        <v>124</v>
      </c>
      <c r="D90" s="109" t="s">
        <v>124</v>
      </c>
      <c r="E90" s="109" t="s">
        <v>124</v>
      </c>
      <c r="F90" s="90" t="s">
        <v>89</v>
      </c>
      <c r="G90" s="114"/>
    </row>
  </sheetData>
  <phoneticPr fontId="6" type="noConversion"/>
  <hyperlinks>
    <hyperlink ref="A22" r:id="rId1"/>
    <hyperlink ref="A29" r:id="rId2"/>
  </hyperlinks>
  <pageMargins left="0.69930555555555596" right="0.69930555555555596" top="0.75" bottom="0.75" header="0.3" footer="0.3"/>
  <pageSetup paperSize="9" orientation="portrait"/>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H19" sqref="H19"/>
    </sheetView>
  </sheetViews>
  <sheetFormatPr defaultColWidth="9" defaultRowHeight="15"/>
  <sheetData/>
  <phoneticPr fontId="6" type="noConversion"/>
  <pageMargins left="0.69930555555555596" right="0.69930555555555596"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36"/>
  <sheetViews>
    <sheetView topLeftCell="A13" zoomScale="80" zoomScaleNormal="80" workbookViewId="0">
      <selection activeCell="D23" sqref="D23"/>
    </sheetView>
  </sheetViews>
  <sheetFormatPr defaultColWidth="9" defaultRowHeight="12.75"/>
  <cols>
    <col min="1" max="1" width="20.28515625" style="12" customWidth="1"/>
    <col min="2" max="2" width="18.28515625" style="12" customWidth="1"/>
    <col min="3" max="3" width="23.140625" style="13" customWidth="1"/>
    <col min="4" max="4" width="79.42578125" style="14" customWidth="1"/>
    <col min="5" max="5" width="17.42578125" style="12" customWidth="1"/>
    <col min="6" max="6" width="23.85546875" style="12" customWidth="1"/>
    <col min="7" max="16384" width="9" style="12"/>
  </cols>
  <sheetData>
    <row r="1" spans="1:53" s="7" customFormat="1" ht="13.5" customHeight="1">
      <c r="A1" s="15" t="s">
        <v>22</v>
      </c>
      <c r="B1" s="15" t="s">
        <v>23</v>
      </c>
      <c r="C1" s="16" t="s">
        <v>24</v>
      </c>
      <c r="D1" s="15" t="s">
        <v>25</v>
      </c>
    </row>
    <row r="2" spans="1:53" s="8" customFormat="1" ht="13.5" customHeight="1">
      <c r="A2" s="17"/>
      <c r="B2" s="18"/>
      <c r="C2" s="18"/>
      <c r="D2" s="18"/>
    </row>
    <row r="3" spans="1:53" s="9" customFormat="1">
      <c r="A3" s="19"/>
      <c r="B3" s="20"/>
      <c r="C3" s="19"/>
      <c r="D3" s="21"/>
      <c r="E3" s="22"/>
      <c r="F3" s="22"/>
      <c r="G3" s="22"/>
      <c r="H3" s="22"/>
      <c r="I3" s="22"/>
      <c r="J3" s="22"/>
      <c r="K3" s="22"/>
      <c r="L3" s="22"/>
      <c r="M3" s="22"/>
      <c r="N3" s="22"/>
      <c r="O3" s="22"/>
      <c r="P3" s="22"/>
      <c r="Q3" s="22"/>
      <c r="R3" s="22"/>
      <c r="S3" s="22"/>
      <c r="T3" s="22"/>
      <c r="U3" s="22"/>
      <c r="V3" s="22"/>
      <c r="W3" s="22"/>
      <c r="X3" s="22"/>
      <c r="Y3" s="22"/>
      <c r="Z3" s="22"/>
      <c r="AA3" s="22"/>
      <c r="AB3" s="22"/>
      <c r="AC3" s="22"/>
      <c r="AD3" s="22"/>
      <c r="AE3" s="22"/>
      <c r="AF3" s="22"/>
      <c r="AG3" s="22"/>
      <c r="AH3" s="22"/>
      <c r="AI3" s="22"/>
      <c r="AJ3" s="22"/>
      <c r="AK3" s="22"/>
      <c r="AL3" s="22"/>
      <c r="AM3" s="22"/>
      <c r="AN3" s="22"/>
      <c r="AO3" s="22"/>
      <c r="AP3" s="22"/>
      <c r="AQ3" s="22"/>
      <c r="AR3" s="22"/>
      <c r="AS3" s="22"/>
      <c r="AT3" s="22"/>
      <c r="AU3" s="22"/>
      <c r="AV3" s="22"/>
      <c r="AW3" s="22"/>
      <c r="AX3" s="22"/>
      <c r="AY3" s="22"/>
      <c r="AZ3" s="22"/>
      <c r="BA3" s="22"/>
    </row>
    <row r="4" spans="1:53">
      <c r="A4" s="23" t="s">
        <v>26</v>
      </c>
      <c r="B4" s="24"/>
      <c r="C4" s="24"/>
      <c r="D4" s="25"/>
    </row>
    <row r="5" spans="1:53" s="9" customFormat="1">
      <c r="A5" s="19" t="s">
        <v>27</v>
      </c>
      <c r="B5" s="20"/>
      <c r="C5" s="19"/>
      <c r="D5" s="21"/>
      <c r="E5" s="22"/>
      <c r="F5" s="22"/>
      <c r="G5" s="22"/>
      <c r="H5" s="22"/>
      <c r="I5" s="22"/>
      <c r="J5" s="22"/>
      <c r="K5" s="22"/>
      <c r="L5" s="22"/>
      <c r="M5" s="22"/>
      <c r="N5" s="22"/>
      <c r="O5" s="22"/>
      <c r="P5" s="22"/>
      <c r="Q5" s="22"/>
      <c r="R5" s="22"/>
      <c r="S5" s="22"/>
      <c r="T5" s="22"/>
      <c r="U5" s="22"/>
      <c r="V5" s="22"/>
      <c r="W5" s="22"/>
      <c r="X5" s="22"/>
      <c r="Y5" s="22"/>
      <c r="Z5" s="22"/>
      <c r="AA5" s="22"/>
      <c r="AB5" s="22"/>
      <c r="AC5" s="22"/>
      <c r="AD5" s="22"/>
      <c r="AE5" s="22"/>
      <c r="AF5" s="22"/>
      <c r="AG5" s="22"/>
      <c r="AH5" s="22"/>
      <c r="AI5" s="22"/>
      <c r="AJ5" s="22"/>
      <c r="AK5" s="22"/>
      <c r="AL5" s="22"/>
      <c r="AM5" s="22"/>
      <c r="AN5" s="22"/>
      <c r="AO5" s="22"/>
      <c r="AP5" s="22"/>
      <c r="AQ5" s="22"/>
      <c r="AR5" s="22"/>
      <c r="AS5" s="22"/>
      <c r="AT5" s="22"/>
      <c r="AU5" s="22"/>
      <c r="AV5" s="22"/>
      <c r="AW5" s="22"/>
      <c r="AX5" s="22"/>
      <c r="AY5" s="22"/>
      <c r="AZ5" s="22"/>
      <c r="BA5" s="22"/>
    </row>
    <row r="6" spans="1:53" s="10" customFormat="1" ht="51.95" customHeight="1">
      <c r="A6" s="26" t="s">
        <v>28</v>
      </c>
      <c r="B6" s="27"/>
      <c r="C6" s="26" t="s">
        <v>29</v>
      </c>
      <c r="D6" s="28" t="s">
        <v>30</v>
      </c>
      <c r="E6" s="21" t="s">
        <v>31</v>
      </c>
      <c r="F6" s="29"/>
      <c r="G6" s="29"/>
      <c r="H6" s="29"/>
      <c r="I6" s="29"/>
      <c r="J6" s="29"/>
      <c r="K6" s="29"/>
      <c r="L6" s="29"/>
      <c r="M6" s="29"/>
      <c r="N6" s="29"/>
      <c r="O6" s="29"/>
      <c r="P6" s="29"/>
      <c r="Q6" s="29"/>
      <c r="R6" s="29"/>
      <c r="S6" s="29"/>
      <c r="T6" s="29"/>
      <c r="U6" s="29"/>
      <c r="V6" s="29"/>
      <c r="W6" s="29"/>
      <c r="X6" s="29"/>
      <c r="Y6" s="29"/>
      <c r="Z6" s="29"/>
      <c r="AA6" s="29"/>
      <c r="AB6" s="29"/>
      <c r="AC6" s="29"/>
      <c r="AD6" s="29"/>
      <c r="AE6" s="29"/>
      <c r="AF6" s="29"/>
      <c r="AG6" s="29"/>
      <c r="AH6" s="29"/>
      <c r="AI6" s="29"/>
      <c r="AJ6" s="29"/>
      <c r="AK6" s="29"/>
      <c r="AL6" s="29"/>
      <c r="AM6" s="29"/>
      <c r="AN6" s="29"/>
      <c r="AO6" s="29"/>
      <c r="AP6" s="29"/>
      <c r="AQ6" s="29"/>
      <c r="AR6" s="29"/>
      <c r="AS6" s="29"/>
      <c r="AT6" s="29"/>
      <c r="AU6" s="29"/>
      <c r="AV6" s="29"/>
      <c r="AW6" s="29"/>
      <c r="AX6" s="29"/>
      <c r="AY6" s="29"/>
      <c r="AZ6" s="29"/>
      <c r="BA6" s="29"/>
    </row>
    <row r="7" spans="1:53" s="10" customFormat="1" ht="51.95" customHeight="1">
      <c r="A7" s="26" t="s">
        <v>32</v>
      </c>
      <c r="B7" s="30"/>
      <c r="C7" s="26" t="s">
        <v>33</v>
      </c>
      <c r="D7" s="28" t="s">
        <v>34</v>
      </c>
      <c r="E7" s="21" t="s">
        <v>35</v>
      </c>
      <c r="F7" s="29"/>
      <c r="G7" s="29"/>
      <c r="H7" s="29"/>
      <c r="I7" s="29"/>
      <c r="J7" s="29"/>
      <c r="K7" s="29"/>
      <c r="L7" s="29"/>
      <c r="M7" s="29"/>
      <c r="N7" s="29"/>
      <c r="O7" s="29"/>
      <c r="P7" s="29"/>
      <c r="Q7" s="29"/>
      <c r="R7" s="29"/>
      <c r="S7" s="29"/>
      <c r="T7" s="29"/>
      <c r="U7" s="29"/>
      <c r="V7" s="29"/>
      <c r="W7" s="29"/>
      <c r="X7" s="29"/>
      <c r="Y7" s="29"/>
      <c r="Z7" s="29"/>
      <c r="AA7" s="29"/>
      <c r="AB7" s="29"/>
      <c r="AC7" s="29"/>
      <c r="AD7" s="29"/>
      <c r="AE7" s="29"/>
      <c r="AF7" s="29"/>
      <c r="AG7" s="29"/>
      <c r="AH7" s="29"/>
      <c r="AI7" s="29"/>
      <c r="AJ7" s="29"/>
      <c r="AK7" s="29"/>
      <c r="AL7" s="29"/>
      <c r="AM7" s="29"/>
      <c r="AN7" s="29"/>
      <c r="AO7" s="29"/>
      <c r="AP7" s="29"/>
      <c r="AQ7" s="29"/>
      <c r="AR7" s="29"/>
      <c r="AS7" s="29"/>
      <c r="AT7" s="29"/>
      <c r="AU7" s="29"/>
      <c r="AV7" s="29"/>
      <c r="AW7" s="29"/>
      <c r="AX7" s="29"/>
      <c r="AY7" s="29"/>
      <c r="AZ7" s="29"/>
      <c r="BA7" s="29"/>
    </row>
    <row r="8" spans="1:53" ht="12.75" customHeight="1">
      <c r="A8" s="31"/>
      <c r="B8" s="31"/>
      <c r="C8" s="31"/>
      <c r="D8" s="12"/>
    </row>
    <row r="9" spans="1:53" s="11" customFormat="1" ht="51.95" customHeight="1">
      <c r="A9" s="32" t="s">
        <v>36</v>
      </c>
      <c r="B9" s="33"/>
      <c r="C9" s="32" t="s">
        <v>29</v>
      </c>
      <c r="D9" s="34" t="s">
        <v>37</v>
      </c>
      <c r="E9" s="35"/>
      <c r="F9" s="36"/>
      <c r="G9" s="36"/>
      <c r="H9" s="36"/>
      <c r="I9" s="36"/>
      <c r="J9" s="36"/>
      <c r="K9" s="36"/>
      <c r="L9" s="36"/>
      <c r="M9" s="36"/>
      <c r="N9" s="36"/>
      <c r="O9" s="36"/>
      <c r="P9" s="36"/>
      <c r="Q9" s="36"/>
      <c r="R9" s="36"/>
      <c r="S9" s="36"/>
      <c r="T9" s="36"/>
      <c r="U9" s="36"/>
      <c r="V9" s="36"/>
      <c r="W9" s="36"/>
      <c r="X9" s="36"/>
      <c r="Y9" s="36"/>
      <c r="Z9" s="36"/>
      <c r="AA9" s="36"/>
      <c r="AB9" s="36"/>
      <c r="AC9" s="36"/>
      <c r="AD9" s="36"/>
      <c r="AE9" s="36"/>
      <c r="AF9" s="36"/>
      <c r="AG9" s="36"/>
      <c r="AH9" s="36"/>
      <c r="AI9" s="36"/>
      <c r="AJ9" s="36"/>
      <c r="AK9" s="36"/>
      <c r="AL9" s="36"/>
      <c r="AM9" s="36"/>
      <c r="AN9" s="36"/>
      <c r="AO9" s="36"/>
      <c r="AP9" s="36"/>
      <c r="AQ9" s="36"/>
      <c r="AR9" s="36"/>
      <c r="AS9" s="36"/>
      <c r="AT9" s="36"/>
      <c r="AU9" s="36"/>
      <c r="AV9" s="36"/>
      <c r="AW9" s="36"/>
      <c r="AX9" s="36"/>
      <c r="AY9" s="36"/>
      <c r="AZ9" s="36"/>
      <c r="BA9" s="36"/>
    </row>
    <row r="10" spans="1:53" s="11" customFormat="1" ht="51.95" customHeight="1">
      <c r="A10" s="32" t="s">
        <v>38</v>
      </c>
      <c r="B10" s="37"/>
      <c r="C10" s="32" t="s">
        <v>33</v>
      </c>
      <c r="D10" s="34" t="s">
        <v>39</v>
      </c>
      <c r="E10" s="36"/>
      <c r="F10" s="36"/>
      <c r="G10" s="36"/>
      <c r="H10" s="36"/>
      <c r="I10" s="36"/>
      <c r="J10" s="36"/>
      <c r="K10" s="36"/>
      <c r="L10" s="36"/>
      <c r="M10" s="36"/>
      <c r="N10" s="36"/>
      <c r="O10" s="36"/>
      <c r="P10" s="36"/>
      <c r="Q10" s="36"/>
      <c r="R10" s="36"/>
      <c r="S10" s="36"/>
      <c r="T10" s="36"/>
      <c r="U10" s="36"/>
      <c r="V10" s="36"/>
      <c r="W10" s="36"/>
      <c r="X10" s="36"/>
      <c r="Y10" s="36"/>
      <c r="Z10" s="36"/>
      <c r="AA10" s="36"/>
      <c r="AB10" s="36"/>
      <c r="AC10" s="36"/>
      <c r="AD10" s="36"/>
      <c r="AE10" s="36"/>
      <c r="AF10" s="36"/>
      <c r="AG10" s="36"/>
      <c r="AH10" s="36"/>
      <c r="AI10" s="36"/>
      <c r="AJ10" s="36"/>
      <c r="AK10" s="36"/>
      <c r="AL10" s="36"/>
      <c r="AM10" s="36"/>
      <c r="AN10" s="36"/>
      <c r="AO10" s="36"/>
      <c r="AP10" s="36"/>
      <c r="AQ10" s="36"/>
      <c r="AR10" s="36"/>
      <c r="AS10" s="36"/>
      <c r="AT10" s="36"/>
      <c r="AU10" s="36"/>
      <c r="AV10" s="36"/>
      <c r="AW10" s="36"/>
      <c r="AX10" s="36"/>
      <c r="AY10" s="36"/>
      <c r="AZ10" s="36"/>
      <c r="BA10" s="36"/>
    </row>
    <row r="11" spans="1:53" s="11" customFormat="1" ht="51.95" customHeight="1">
      <c r="A11" s="32" t="s">
        <v>40</v>
      </c>
      <c r="B11" s="33"/>
      <c r="C11" s="32" t="s">
        <v>29</v>
      </c>
      <c r="D11" s="34" t="s">
        <v>41</v>
      </c>
      <c r="E11" s="36"/>
      <c r="F11" s="36"/>
      <c r="G11" s="36"/>
      <c r="H11" s="36"/>
      <c r="I11" s="36"/>
      <c r="J11" s="36"/>
      <c r="K11" s="36"/>
      <c r="L11" s="36"/>
      <c r="M11" s="36"/>
      <c r="N11" s="36"/>
      <c r="O11" s="36"/>
      <c r="P11" s="36"/>
      <c r="Q11" s="36"/>
      <c r="R11" s="36"/>
      <c r="S11" s="36"/>
      <c r="T11" s="36"/>
      <c r="U11" s="36"/>
      <c r="V11" s="36"/>
      <c r="W11" s="36"/>
      <c r="X11" s="36"/>
      <c r="Y11" s="36"/>
      <c r="Z11" s="36"/>
      <c r="AA11" s="36"/>
      <c r="AB11" s="36"/>
      <c r="AC11" s="36"/>
      <c r="AD11" s="36"/>
      <c r="AE11" s="36"/>
      <c r="AF11" s="36"/>
      <c r="AG11" s="36"/>
      <c r="AH11" s="36"/>
      <c r="AI11" s="36"/>
      <c r="AJ11" s="36"/>
      <c r="AK11" s="36"/>
      <c r="AL11" s="36"/>
      <c r="AM11" s="36"/>
      <c r="AN11" s="36"/>
      <c r="AO11" s="36"/>
      <c r="AP11" s="36"/>
      <c r="AQ11" s="36"/>
      <c r="AR11" s="36"/>
      <c r="AS11" s="36"/>
      <c r="AT11" s="36"/>
      <c r="AU11" s="36"/>
      <c r="AV11" s="36"/>
      <c r="AW11" s="36"/>
      <c r="AX11" s="36"/>
      <c r="AY11" s="36"/>
      <c r="AZ11" s="36"/>
      <c r="BA11" s="36"/>
    </row>
    <row r="12" spans="1:53" s="11" customFormat="1" ht="51.95" customHeight="1">
      <c r="A12" s="32" t="s">
        <v>42</v>
      </c>
      <c r="B12" s="37"/>
      <c r="C12" s="32" t="s">
        <v>33</v>
      </c>
      <c r="D12" s="34" t="s">
        <v>43</v>
      </c>
      <c r="E12" s="36"/>
      <c r="F12" s="36"/>
      <c r="G12" s="36"/>
      <c r="H12" s="36"/>
      <c r="I12" s="36"/>
      <c r="J12" s="36"/>
      <c r="K12" s="36"/>
      <c r="L12" s="36"/>
      <c r="M12" s="36"/>
      <c r="N12" s="36"/>
      <c r="O12" s="36"/>
      <c r="P12" s="36"/>
      <c r="Q12" s="36"/>
      <c r="R12" s="36"/>
      <c r="S12" s="36"/>
      <c r="T12" s="36"/>
      <c r="U12" s="36"/>
      <c r="V12" s="36"/>
      <c r="W12" s="36"/>
      <c r="X12" s="36"/>
      <c r="Y12" s="36"/>
      <c r="Z12" s="36"/>
      <c r="AA12" s="36"/>
      <c r="AB12" s="36"/>
      <c r="AC12" s="36"/>
      <c r="AD12" s="36"/>
      <c r="AE12" s="36"/>
      <c r="AF12" s="36"/>
      <c r="AG12" s="36"/>
      <c r="AH12" s="36"/>
      <c r="AI12" s="36"/>
      <c r="AJ12" s="36"/>
      <c r="AK12" s="36"/>
      <c r="AL12" s="36"/>
      <c r="AM12" s="36"/>
      <c r="AN12" s="36"/>
      <c r="AO12" s="36"/>
      <c r="AP12" s="36"/>
      <c r="AQ12" s="36"/>
      <c r="AR12" s="36"/>
      <c r="AS12" s="36"/>
      <c r="AT12" s="36"/>
      <c r="AU12" s="36"/>
      <c r="AV12" s="36"/>
      <c r="AW12" s="36"/>
      <c r="AX12" s="36"/>
      <c r="AY12" s="36"/>
      <c r="AZ12" s="36"/>
      <c r="BA12" s="36"/>
    </row>
    <row r="13" spans="1:53" s="9" customFormat="1">
      <c r="A13" s="19" t="s">
        <v>44</v>
      </c>
      <c r="B13" s="20"/>
      <c r="C13" s="19"/>
      <c r="D13" s="21"/>
      <c r="E13" s="22"/>
      <c r="F13" s="22"/>
      <c r="G13" s="22"/>
      <c r="H13" s="22"/>
      <c r="I13" s="22"/>
      <c r="J13" s="22"/>
      <c r="K13" s="22"/>
      <c r="L13" s="22"/>
      <c r="M13" s="22"/>
      <c r="N13" s="22"/>
      <c r="O13" s="22"/>
      <c r="P13" s="22"/>
      <c r="Q13" s="22"/>
      <c r="R13" s="22"/>
      <c r="S13" s="22"/>
      <c r="T13" s="22"/>
      <c r="U13" s="22"/>
      <c r="V13" s="22"/>
      <c r="W13" s="22"/>
      <c r="X13" s="22"/>
      <c r="Y13" s="22"/>
      <c r="Z13" s="22"/>
      <c r="AA13" s="22"/>
      <c r="AB13" s="22"/>
      <c r="AC13" s="22"/>
      <c r="AD13" s="22"/>
      <c r="AE13" s="22"/>
      <c r="AF13" s="22"/>
      <c r="AG13" s="22"/>
      <c r="AH13" s="22"/>
      <c r="AI13" s="22"/>
      <c r="AJ13" s="22"/>
      <c r="AK13" s="22"/>
      <c r="AL13" s="22"/>
      <c r="AM13" s="22"/>
      <c r="AN13" s="22"/>
      <c r="AO13" s="22"/>
      <c r="AP13" s="22"/>
      <c r="AQ13" s="22"/>
      <c r="AR13" s="22"/>
      <c r="AS13" s="22"/>
      <c r="AT13" s="22"/>
      <c r="AU13" s="22"/>
      <c r="AV13" s="22"/>
      <c r="AW13" s="22"/>
      <c r="AX13" s="22"/>
      <c r="AY13" s="22"/>
      <c r="AZ13" s="22"/>
      <c r="BA13" s="22"/>
    </row>
    <row r="14" spans="1:53" s="9" customFormat="1">
      <c r="A14" s="19"/>
      <c r="B14" s="20"/>
      <c r="C14" s="19"/>
      <c r="D14" s="21"/>
      <c r="E14" s="22"/>
      <c r="F14" s="22"/>
      <c r="G14" s="22"/>
      <c r="H14" s="22"/>
      <c r="I14" s="22"/>
      <c r="J14" s="22"/>
      <c r="K14" s="22"/>
      <c r="L14" s="22"/>
      <c r="M14" s="22"/>
      <c r="N14" s="22"/>
      <c r="O14" s="22"/>
      <c r="P14" s="22"/>
      <c r="Q14" s="22"/>
      <c r="R14" s="22"/>
      <c r="S14" s="22"/>
      <c r="T14" s="22"/>
      <c r="U14" s="22"/>
      <c r="V14" s="22"/>
      <c r="W14" s="22"/>
      <c r="X14" s="22"/>
      <c r="Y14" s="22"/>
      <c r="Z14" s="22"/>
      <c r="AA14" s="22"/>
      <c r="AB14" s="22"/>
      <c r="AC14" s="22"/>
      <c r="AD14" s="22"/>
      <c r="AE14" s="22"/>
      <c r="AF14" s="22"/>
      <c r="AG14" s="22"/>
      <c r="AH14" s="22"/>
      <c r="AI14" s="22"/>
      <c r="AJ14" s="22"/>
      <c r="AK14" s="22"/>
      <c r="AL14" s="22"/>
      <c r="AM14" s="22"/>
      <c r="AN14" s="22"/>
      <c r="AO14" s="22"/>
      <c r="AP14" s="22"/>
      <c r="AQ14" s="22"/>
      <c r="AR14" s="22"/>
      <c r="AS14" s="22"/>
      <c r="AT14" s="22"/>
      <c r="AU14" s="22"/>
      <c r="AV14" s="22"/>
      <c r="AW14" s="22"/>
      <c r="AX14" s="22"/>
      <c r="AY14" s="22"/>
      <c r="AZ14" s="22"/>
      <c r="BA14" s="22"/>
    </row>
    <row r="15" spans="1:53" s="11" customFormat="1" ht="51.95" customHeight="1">
      <c r="A15" s="32" t="s">
        <v>45</v>
      </c>
      <c r="B15" s="33"/>
      <c r="C15" s="32" t="s">
        <v>29</v>
      </c>
      <c r="D15" s="34" t="s">
        <v>46</v>
      </c>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row>
    <row r="16" spans="1:53" s="11" customFormat="1" ht="51.95" customHeight="1">
      <c r="A16" s="32" t="s">
        <v>47</v>
      </c>
      <c r="B16" s="37"/>
      <c r="C16" s="32" t="s">
        <v>33</v>
      </c>
      <c r="D16" s="34" t="s">
        <v>48</v>
      </c>
      <c r="E16" s="36"/>
      <c r="F16" s="36"/>
      <c r="G16" s="36"/>
      <c r="H16" s="36"/>
      <c r="I16" s="36"/>
      <c r="J16" s="36"/>
      <c r="K16" s="36"/>
      <c r="L16" s="36"/>
      <c r="M16" s="36"/>
      <c r="N16" s="36"/>
      <c r="O16" s="36"/>
      <c r="P16" s="36"/>
      <c r="Q16" s="36"/>
      <c r="R16" s="36"/>
      <c r="S16" s="36"/>
      <c r="T16" s="36"/>
      <c r="U16" s="36"/>
      <c r="V16" s="36"/>
      <c r="W16" s="36"/>
      <c r="X16" s="36"/>
      <c r="Y16" s="36"/>
      <c r="Z16" s="36"/>
      <c r="AA16" s="36"/>
      <c r="AB16" s="36"/>
      <c r="AC16" s="36"/>
      <c r="AD16" s="36"/>
      <c r="AE16" s="36"/>
      <c r="AF16" s="36"/>
      <c r="AG16" s="36"/>
      <c r="AH16" s="36"/>
      <c r="AI16" s="36"/>
      <c r="AJ16" s="36"/>
      <c r="AK16" s="36"/>
      <c r="AL16" s="36"/>
      <c r="AM16" s="36"/>
      <c r="AN16" s="36"/>
      <c r="AO16" s="36"/>
      <c r="AP16" s="36"/>
      <c r="AQ16" s="36"/>
      <c r="AR16" s="36"/>
      <c r="AS16" s="36"/>
      <c r="AT16" s="36"/>
      <c r="AU16" s="36"/>
      <c r="AV16" s="36"/>
      <c r="AW16" s="36"/>
      <c r="AX16" s="36"/>
      <c r="AY16" s="36"/>
      <c r="AZ16" s="36"/>
      <c r="BA16" s="36"/>
    </row>
    <row r="17" spans="1:53" s="11" customFormat="1" ht="51.95" customHeight="1">
      <c r="A17" s="32" t="s">
        <v>49</v>
      </c>
      <c r="B17" s="33"/>
      <c r="C17" s="32" t="s">
        <v>29</v>
      </c>
      <c r="D17" s="34" t="s">
        <v>50</v>
      </c>
      <c r="E17" s="36"/>
      <c r="F17" s="36"/>
      <c r="G17" s="36"/>
      <c r="H17" s="36"/>
      <c r="I17" s="36"/>
      <c r="J17" s="36"/>
      <c r="K17" s="36"/>
      <c r="L17" s="36"/>
      <c r="M17" s="36"/>
      <c r="N17" s="36"/>
      <c r="O17" s="36"/>
      <c r="P17" s="36"/>
      <c r="Q17" s="36"/>
      <c r="R17" s="36"/>
      <c r="S17" s="36"/>
      <c r="T17" s="36"/>
      <c r="U17" s="36"/>
      <c r="V17" s="36"/>
      <c r="W17" s="36"/>
      <c r="X17" s="36"/>
      <c r="Y17" s="36"/>
      <c r="Z17" s="36"/>
      <c r="AA17" s="36"/>
      <c r="AB17" s="36"/>
      <c r="AC17" s="36"/>
      <c r="AD17" s="36"/>
      <c r="AE17" s="36"/>
      <c r="AF17" s="36"/>
      <c r="AG17" s="36"/>
      <c r="AH17" s="36"/>
      <c r="AI17" s="36"/>
      <c r="AJ17" s="36"/>
      <c r="AK17" s="36"/>
      <c r="AL17" s="36"/>
      <c r="AM17" s="36"/>
      <c r="AN17" s="36"/>
      <c r="AO17" s="36"/>
      <c r="AP17" s="36"/>
      <c r="AQ17" s="36"/>
      <c r="AR17" s="36"/>
      <c r="AS17" s="36"/>
      <c r="AT17" s="36"/>
      <c r="AU17" s="36"/>
      <c r="AV17" s="36"/>
      <c r="AW17" s="36"/>
      <c r="AX17" s="36"/>
      <c r="AY17" s="36"/>
      <c r="AZ17" s="36"/>
      <c r="BA17" s="36"/>
    </row>
    <row r="18" spans="1:53" s="11" customFormat="1" ht="51.95" customHeight="1">
      <c r="A18" s="32" t="s">
        <v>49</v>
      </c>
      <c r="B18" s="37"/>
      <c r="C18" s="32" t="s">
        <v>33</v>
      </c>
      <c r="D18" s="34" t="s">
        <v>51</v>
      </c>
      <c r="E18" s="36"/>
      <c r="F18" s="36"/>
      <c r="G18" s="36"/>
      <c r="H18" s="36"/>
      <c r="I18" s="36"/>
      <c r="J18" s="36"/>
      <c r="K18" s="36"/>
      <c r="L18" s="36"/>
      <c r="M18" s="36"/>
      <c r="N18" s="36"/>
      <c r="O18" s="36"/>
      <c r="P18" s="36"/>
      <c r="Q18" s="36"/>
      <c r="R18" s="36"/>
      <c r="S18" s="36"/>
      <c r="T18" s="36"/>
      <c r="U18" s="36"/>
      <c r="V18" s="36"/>
      <c r="W18" s="36"/>
      <c r="X18" s="36"/>
      <c r="Y18" s="36"/>
      <c r="Z18" s="36"/>
      <c r="AA18" s="36"/>
      <c r="AB18" s="36"/>
      <c r="AC18" s="36"/>
      <c r="AD18" s="36"/>
      <c r="AE18" s="36"/>
      <c r="AF18" s="36"/>
      <c r="AG18" s="36"/>
      <c r="AH18" s="36"/>
      <c r="AI18" s="36"/>
      <c r="AJ18" s="36"/>
      <c r="AK18" s="36"/>
      <c r="AL18" s="36"/>
      <c r="AM18" s="36"/>
      <c r="AN18" s="36"/>
      <c r="AO18" s="36"/>
      <c r="AP18" s="36"/>
      <c r="AQ18" s="36"/>
      <c r="AR18" s="36"/>
      <c r="AS18" s="36"/>
      <c r="AT18" s="36"/>
      <c r="AU18" s="36"/>
      <c r="AV18" s="36"/>
      <c r="AW18" s="36"/>
      <c r="AX18" s="36"/>
      <c r="AY18" s="36"/>
      <c r="AZ18" s="36"/>
      <c r="BA18" s="36"/>
    </row>
    <row r="19" spans="1:53" s="9" customFormat="1">
      <c r="A19" s="19"/>
      <c r="B19" s="20"/>
      <c r="C19" s="19"/>
      <c r="D19" s="21"/>
      <c r="E19" s="22"/>
      <c r="F19" s="22"/>
      <c r="G19" s="22"/>
      <c r="H19" s="22"/>
      <c r="I19" s="22"/>
      <c r="J19" s="22"/>
      <c r="K19" s="22"/>
      <c r="L19" s="22"/>
      <c r="M19" s="22"/>
      <c r="N19" s="22"/>
      <c r="O19" s="22"/>
      <c r="P19" s="22"/>
      <c r="Q19" s="22"/>
      <c r="R19" s="22"/>
      <c r="S19" s="22"/>
      <c r="T19" s="22"/>
      <c r="U19" s="22"/>
      <c r="V19" s="22"/>
      <c r="W19" s="22"/>
      <c r="X19" s="22"/>
      <c r="Y19" s="22"/>
      <c r="Z19" s="22"/>
      <c r="AA19" s="22"/>
      <c r="AB19" s="22"/>
      <c r="AC19" s="22"/>
      <c r="AD19" s="22"/>
      <c r="AE19" s="22"/>
      <c r="AF19" s="22"/>
      <c r="AG19" s="22"/>
      <c r="AH19" s="22"/>
      <c r="AI19" s="22"/>
      <c r="AJ19" s="22"/>
      <c r="AK19" s="22"/>
      <c r="AL19" s="22"/>
      <c r="AM19" s="22"/>
      <c r="AN19" s="22"/>
      <c r="AO19" s="22"/>
      <c r="AP19" s="22"/>
      <c r="AQ19" s="22"/>
      <c r="AR19" s="22"/>
      <c r="AS19" s="22"/>
      <c r="AT19" s="22"/>
      <c r="AU19" s="22"/>
      <c r="AV19" s="22"/>
      <c r="AW19" s="22"/>
      <c r="AX19" s="22"/>
      <c r="AY19" s="22"/>
      <c r="AZ19" s="22"/>
      <c r="BA19" s="22"/>
    </row>
    <row r="20" spans="1:53" s="10" customFormat="1" ht="51.95" customHeight="1">
      <c r="A20" s="26" t="s">
        <v>52</v>
      </c>
      <c r="B20" s="27"/>
      <c r="C20" s="26" t="s">
        <v>29</v>
      </c>
      <c r="D20" s="28" t="s">
        <v>53</v>
      </c>
      <c r="E20" s="21" t="s">
        <v>54</v>
      </c>
      <c r="F20" s="29"/>
      <c r="G20" s="29"/>
      <c r="H20" s="29"/>
      <c r="I20" s="29"/>
      <c r="J20" s="29"/>
      <c r="K20" s="29"/>
      <c r="L20" s="29"/>
      <c r="M20" s="29"/>
      <c r="N20" s="29"/>
      <c r="O20" s="29"/>
      <c r="P20" s="29"/>
      <c r="Q20" s="29"/>
      <c r="R20" s="29"/>
      <c r="S20" s="29"/>
      <c r="T20" s="29"/>
      <c r="U20" s="29"/>
      <c r="V20" s="29"/>
      <c r="W20" s="29"/>
      <c r="X20" s="29"/>
      <c r="Y20" s="29"/>
      <c r="Z20" s="29"/>
      <c r="AA20" s="29"/>
      <c r="AB20" s="29"/>
      <c r="AC20" s="29"/>
      <c r="AD20" s="29"/>
      <c r="AE20" s="29"/>
      <c r="AF20" s="29"/>
      <c r="AG20" s="29"/>
      <c r="AH20" s="29"/>
      <c r="AI20" s="29"/>
      <c r="AJ20" s="29"/>
      <c r="AK20" s="29"/>
      <c r="AL20" s="29"/>
      <c r="AM20" s="29"/>
      <c r="AN20" s="29"/>
      <c r="AO20" s="29"/>
      <c r="AP20" s="29"/>
      <c r="AQ20" s="29"/>
      <c r="AR20" s="29"/>
      <c r="AS20" s="29"/>
      <c r="AT20" s="29"/>
      <c r="AU20" s="29"/>
      <c r="AV20" s="29"/>
      <c r="AW20" s="29"/>
      <c r="AX20" s="29"/>
      <c r="AY20" s="29"/>
      <c r="AZ20" s="29"/>
      <c r="BA20" s="29"/>
    </row>
    <row r="21" spans="1:53" s="10" customFormat="1" ht="51.95" customHeight="1">
      <c r="A21" s="26" t="s">
        <v>55</v>
      </c>
      <c r="B21" s="30"/>
      <c r="C21" s="26" t="s">
        <v>33</v>
      </c>
      <c r="D21" s="28" t="s">
        <v>56</v>
      </c>
      <c r="E21" s="21" t="s">
        <v>57</v>
      </c>
      <c r="F21" s="29"/>
      <c r="G21" s="29"/>
      <c r="H21" s="29"/>
      <c r="I21" s="29"/>
      <c r="J21" s="29"/>
      <c r="K21" s="29"/>
      <c r="L21" s="29"/>
      <c r="M21" s="29"/>
      <c r="N21" s="29"/>
      <c r="O21" s="29"/>
      <c r="P21" s="29"/>
      <c r="Q21" s="29"/>
      <c r="R21" s="29"/>
      <c r="S21" s="29"/>
      <c r="T21" s="29"/>
      <c r="U21" s="29"/>
      <c r="V21" s="29"/>
      <c r="W21" s="29"/>
      <c r="X21" s="29"/>
      <c r="Y21" s="29"/>
      <c r="Z21" s="29"/>
      <c r="AA21" s="29"/>
      <c r="AB21" s="29"/>
      <c r="AC21" s="29"/>
      <c r="AD21" s="29"/>
      <c r="AE21" s="29"/>
      <c r="AF21" s="29"/>
      <c r="AG21" s="29"/>
      <c r="AH21" s="29"/>
      <c r="AI21" s="29"/>
      <c r="AJ21" s="29"/>
      <c r="AK21" s="29"/>
      <c r="AL21" s="29"/>
      <c r="AM21" s="29"/>
      <c r="AN21" s="29"/>
      <c r="AO21" s="29"/>
      <c r="AP21" s="29"/>
      <c r="AQ21" s="29"/>
      <c r="AR21" s="29"/>
      <c r="AS21" s="29"/>
      <c r="AT21" s="29"/>
      <c r="AU21" s="29"/>
      <c r="AV21" s="29"/>
      <c r="AW21" s="29"/>
      <c r="AX21" s="29"/>
      <c r="AY21" s="29"/>
      <c r="AZ21" s="29"/>
      <c r="BA21" s="29"/>
    </row>
    <row r="22" spans="1:53" s="11" customFormat="1" ht="51.95" customHeight="1">
      <c r="A22" s="32" t="s">
        <v>58</v>
      </c>
      <c r="B22" s="33"/>
      <c r="C22" s="32" t="s">
        <v>29</v>
      </c>
      <c r="D22" s="34" t="s">
        <v>59</v>
      </c>
      <c r="E22" s="36"/>
      <c r="F22" s="36"/>
      <c r="G22" s="36"/>
      <c r="H22" s="36"/>
      <c r="I22" s="36"/>
      <c r="J22" s="36"/>
      <c r="K22" s="36"/>
      <c r="L22" s="36"/>
      <c r="M22" s="36"/>
      <c r="N22" s="36"/>
      <c r="O22" s="36"/>
      <c r="P22" s="36"/>
      <c r="Q22" s="36"/>
      <c r="R22" s="36"/>
      <c r="S22" s="36"/>
      <c r="T22" s="36"/>
      <c r="U22" s="36"/>
      <c r="V22" s="36"/>
      <c r="W22" s="36"/>
      <c r="X22" s="36"/>
      <c r="Y22" s="36"/>
      <c r="Z22" s="36"/>
      <c r="AA22" s="36"/>
      <c r="AB22" s="36"/>
      <c r="AC22" s="36"/>
      <c r="AD22" s="36"/>
      <c r="AE22" s="36"/>
      <c r="AF22" s="36"/>
      <c r="AG22" s="36"/>
      <c r="AH22" s="36"/>
      <c r="AI22" s="36"/>
      <c r="AJ22" s="36"/>
      <c r="AK22" s="36"/>
      <c r="AL22" s="36"/>
      <c r="AM22" s="36"/>
      <c r="AN22" s="36"/>
      <c r="AO22" s="36"/>
      <c r="AP22" s="36"/>
      <c r="AQ22" s="36"/>
      <c r="AR22" s="36"/>
      <c r="AS22" s="36"/>
      <c r="AT22" s="36"/>
      <c r="AU22" s="36"/>
      <c r="AV22" s="36"/>
      <c r="AW22" s="36"/>
      <c r="AX22" s="36"/>
      <c r="AY22" s="36"/>
      <c r="AZ22" s="36"/>
      <c r="BA22" s="36"/>
    </row>
    <row r="23" spans="1:53" s="11" customFormat="1" ht="51.95" customHeight="1">
      <c r="A23" s="32" t="s">
        <v>60</v>
      </c>
      <c r="B23" s="33"/>
      <c r="C23" s="32" t="s">
        <v>33</v>
      </c>
      <c r="D23" s="34" t="s">
        <v>61</v>
      </c>
      <c r="E23" s="36"/>
      <c r="F23" s="36"/>
      <c r="G23" s="36"/>
      <c r="H23" s="36"/>
      <c r="I23" s="36"/>
      <c r="J23" s="36"/>
      <c r="K23" s="36"/>
      <c r="L23" s="36"/>
      <c r="M23" s="36"/>
      <c r="N23" s="36"/>
      <c r="O23" s="36"/>
      <c r="P23" s="36"/>
      <c r="Q23" s="36"/>
      <c r="R23" s="36"/>
      <c r="S23" s="36"/>
      <c r="T23" s="36"/>
      <c r="U23" s="36"/>
      <c r="V23" s="36"/>
      <c r="W23" s="36"/>
      <c r="X23" s="36"/>
      <c r="Y23" s="36"/>
      <c r="Z23" s="36"/>
      <c r="AA23" s="36"/>
      <c r="AB23" s="36"/>
      <c r="AC23" s="36"/>
      <c r="AD23" s="36"/>
      <c r="AE23" s="36"/>
      <c r="AF23" s="36"/>
      <c r="AG23" s="36"/>
      <c r="AH23" s="36"/>
      <c r="AI23" s="36"/>
      <c r="AJ23" s="36"/>
      <c r="AK23" s="36"/>
      <c r="AL23" s="36"/>
      <c r="AM23" s="36"/>
      <c r="AN23" s="36"/>
      <c r="AO23" s="36"/>
      <c r="AP23" s="36"/>
      <c r="AQ23" s="36"/>
      <c r="AR23" s="36"/>
      <c r="AS23" s="36"/>
      <c r="AT23" s="36"/>
      <c r="AU23" s="36"/>
      <c r="AV23" s="36"/>
      <c r="AW23" s="36"/>
      <c r="AX23" s="36"/>
      <c r="AY23" s="36"/>
      <c r="AZ23" s="36"/>
      <c r="BA23" s="36"/>
    </row>
    <row r="24" spans="1:53" s="11" customFormat="1" ht="51.95" customHeight="1">
      <c r="A24" s="32" t="s">
        <v>62</v>
      </c>
      <c r="B24" s="33"/>
      <c r="C24" s="32" t="s">
        <v>29</v>
      </c>
      <c r="D24" s="34" t="s">
        <v>63</v>
      </c>
      <c r="E24" s="36"/>
      <c r="F24" s="36"/>
      <c r="G24" s="36"/>
      <c r="H24" s="36"/>
      <c r="I24" s="36"/>
      <c r="J24" s="36"/>
      <c r="K24" s="36"/>
      <c r="L24" s="36"/>
      <c r="M24" s="36"/>
      <c r="N24" s="36"/>
      <c r="O24" s="36"/>
      <c r="P24" s="36"/>
      <c r="Q24" s="36"/>
      <c r="R24" s="36"/>
      <c r="S24" s="36"/>
      <c r="T24" s="36"/>
      <c r="U24" s="36"/>
      <c r="V24" s="36"/>
      <c r="W24" s="36"/>
      <c r="X24" s="36"/>
      <c r="Y24" s="36"/>
      <c r="Z24" s="36"/>
      <c r="AA24" s="36"/>
      <c r="AB24" s="36"/>
      <c r="AC24" s="36"/>
      <c r="AD24" s="36"/>
      <c r="AE24" s="36"/>
      <c r="AF24" s="36"/>
      <c r="AG24" s="36"/>
      <c r="AH24" s="36"/>
      <c r="AI24" s="36"/>
      <c r="AJ24" s="36"/>
      <c r="AK24" s="36"/>
      <c r="AL24" s="36"/>
      <c r="AM24" s="36"/>
      <c r="AN24" s="36"/>
      <c r="AO24" s="36"/>
      <c r="AP24" s="36"/>
      <c r="AQ24" s="36"/>
      <c r="AR24" s="36"/>
      <c r="AS24" s="36"/>
      <c r="AT24" s="36"/>
      <c r="AU24" s="36"/>
      <c r="AV24" s="36"/>
      <c r="AW24" s="36"/>
      <c r="AX24" s="36"/>
      <c r="AY24" s="36"/>
      <c r="AZ24" s="36"/>
      <c r="BA24" s="36"/>
    </row>
    <row r="25" spans="1:53" s="11" customFormat="1" ht="51.95" customHeight="1">
      <c r="A25" s="32" t="s">
        <v>64</v>
      </c>
      <c r="B25" s="33"/>
      <c r="C25" s="32" t="s">
        <v>33</v>
      </c>
      <c r="D25" s="34" t="s">
        <v>65</v>
      </c>
      <c r="E25" s="36"/>
      <c r="F25" s="36"/>
      <c r="G25" s="36"/>
      <c r="H25" s="36"/>
      <c r="I25" s="36"/>
      <c r="J25" s="36"/>
      <c r="K25" s="36"/>
      <c r="L25" s="36"/>
      <c r="M25" s="36"/>
      <c r="N25" s="36"/>
      <c r="O25" s="36"/>
      <c r="P25" s="36"/>
      <c r="Q25" s="36"/>
      <c r="R25" s="36"/>
      <c r="S25" s="36"/>
      <c r="T25" s="36"/>
      <c r="U25" s="36"/>
      <c r="V25" s="36"/>
      <c r="W25" s="36"/>
      <c r="X25" s="36"/>
      <c r="Y25" s="36"/>
      <c r="Z25" s="36"/>
      <c r="AA25" s="36"/>
      <c r="AB25" s="36"/>
      <c r="AC25" s="36"/>
      <c r="AD25" s="36"/>
      <c r="AE25" s="36"/>
      <c r="AF25" s="36"/>
      <c r="AG25" s="36"/>
      <c r="AH25" s="36"/>
      <c r="AI25" s="36"/>
      <c r="AJ25" s="36"/>
      <c r="AK25" s="36"/>
      <c r="AL25" s="36"/>
      <c r="AM25" s="36"/>
      <c r="AN25" s="36"/>
      <c r="AO25" s="36"/>
      <c r="AP25" s="36"/>
      <c r="AQ25" s="36"/>
      <c r="AR25" s="36"/>
      <c r="AS25" s="36"/>
      <c r="AT25" s="36"/>
      <c r="AU25" s="36"/>
      <c r="AV25" s="36"/>
      <c r="AW25" s="36"/>
      <c r="AX25" s="36"/>
      <c r="AY25" s="36"/>
      <c r="AZ25" s="36"/>
      <c r="BA25" s="36"/>
    </row>
    <row r="26" spans="1:53" s="9" customFormat="1">
      <c r="A26" s="19"/>
      <c r="B26" s="20"/>
      <c r="C26" s="19"/>
      <c r="D26" s="21"/>
      <c r="E26" s="22"/>
      <c r="F26" s="22"/>
      <c r="G26" s="22"/>
      <c r="H26" s="22"/>
      <c r="I26" s="22"/>
      <c r="J26" s="22"/>
      <c r="K26" s="22"/>
      <c r="L26" s="22"/>
      <c r="M26" s="22"/>
      <c r="N26" s="22"/>
      <c r="O26" s="22"/>
      <c r="P26" s="22"/>
      <c r="Q26" s="22"/>
      <c r="R26" s="22"/>
      <c r="S26" s="22"/>
      <c r="T26" s="22"/>
      <c r="U26" s="22"/>
      <c r="V26" s="22"/>
      <c r="W26" s="22"/>
      <c r="X26" s="22"/>
      <c r="Y26" s="22"/>
      <c r="Z26" s="22"/>
      <c r="AA26" s="22"/>
      <c r="AB26" s="22"/>
      <c r="AC26" s="22"/>
      <c r="AD26" s="22"/>
      <c r="AE26" s="22"/>
      <c r="AF26" s="22"/>
      <c r="AG26" s="22"/>
      <c r="AH26" s="22"/>
      <c r="AI26" s="22"/>
      <c r="AJ26" s="22"/>
      <c r="AK26" s="22"/>
      <c r="AL26" s="22"/>
      <c r="AM26" s="22"/>
      <c r="AN26" s="22"/>
      <c r="AO26" s="22"/>
      <c r="AP26" s="22"/>
      <c r="AQ26" s="22"/>
      <c r="AR26" s="22"/>
      <c r="AS26" s="22"/>
      <c r="AT26" s="22"/>
      <c r="AU26" s="22"/>
      <c r="AV26" s="22"/>
      <c r="AW26" s="22"/>
      <c r="AX26" s="22"/>
      <c r="AY26" s="22"/>
      <c r="AZ26" s="22"/>
      <c r="BA26" s="22"/>
    </row>
    <row r="27" spans="1:53" s="11" customFormat="1" ht="51.95" customHeight="1">
      <c r="A27" s="38" t="s">
        <v>66</v>
      </c>
      <c r="B27" s="39"/>
      <c r="C27" s="32" t="s">
        <v>29</v>
      </c>
      <c r="D27" s="34" t="s">
        <v>67</v>
      </c>
      <c r="E27" s="36"/>
      <c r="F27" s="36"/>
      <c r="G27" s="36"/>
      <c r="H27" s="36"/>
      <c r="I27" s="36"/>
      <c r="J27" s="36"/>
      <c r="K27" s="36"/>
      <c r="L27" s="36"/>
      <c r="M27" s="36"/>
      <c r="N27" s="36"/>
      <c r="O27" s="36"/>
      <c r="P27" s="36"/>
      <c r="Q27" s="36"/>
      <c r="R27" s="36"/>
      <c r="S27" s="36"/>
      <c r="T27" s="36"/>
      <c r="U27" s="36"/>
      <c r="V27" s="36"/>
      <c r="W27" s="36"/>
      <c r="X27" s="36"/>
      <c r="Y27" s="36"/>
      <c r="Z27" s="36"/>
      <c r="AA27" s="36"/>
      <c r="AB27" s="36"/>
      <c r="AC27" s="36"/>
      <c r="AD27" s="36"/>
      <c r="AE27" s="36"/>
      <c r="AF27" s="36"/>
      <c r="AG27" s="36"/>
      <c r="AH27" s="36"/>
      <c r="AI27" s="36"/>
      <c r="AJ27" s="36"/>
      <c r="AK27" s="36"/>
      <c r="AL27" s="36"/>
      <c r="AM27" s="36"/>
      <c r="AN27" s="36"/>
      <c r="AO27" s="36"/>
      <c r="AP27" s="36"/>
      <c r="AQ27" s="36"/>
      <c r="AR27" s="36"/>
      <c r="AS27" s="36"/>
      <c r="AT27" s="36"/>
      <c r="AU27" s="36"/>
      <c r="AV27" s="36"/>
      <c r="AW27" s="36"/>
      <c r="AX27" s="36"/>
      <c r="AY27" s="36"/>
      <c r="AZ27" s="36"/>
      <c r="BA27" s="36"/>
    </row>
    <row r="28" spans="1:53" s="11" customFormat="1" ht="51.95" customHeight="1">
      <c r="A28" s="38" t="s">
        <v>68</v>
      </c>
      <c r="B28" s="39"/>
      <c r="C28" s="32" t="s">
        <v>33</v>
      </c>
      <c r="D28" s="34" t="s">
        <v>69</v>
      </c>
      <c r="E28" s="36"/>
      <c r="F28" s="36"/>
      <c r="G28" s="36"/>
      <c r="H28" s="36"/>
      <c r="I28" s="36"/>
      <c r="J28" s="36"/>
      <c r="K28" s="36"/>
      <c r="L28" s="36"/>
      <c r="M28" s="36"/>
      <c r="N28" s="36"/>
      <c r="O28" s="36"/>
      <c r="P28" s="36"/>
      <c r="Q28" s="36"/>
      <c r="R28" s="36"/>
      <c r="S28" s="36"/>
      <c r="T28" s="36"/>
      <c r="U28" s="36"/>
      <c r="V28" s="36"/>
      <c r="W28" s="36"/>
      <c r="X28" s="36"/>
      <c r="Y28" s="36"/>
      <c r="Z28" s="36"/>
      <c r="AA28" s="36"/>
      <c r="AB28" s="36"/>
      <c r="AC28" s="36"/>
      <c r="AD28" s="36"/>
      <c r="AE28" s="36"/>
      <c r="AF28" s="36"/>
      <c r="AG28" s="36"/>
      <c r="AH28" s="36"/>
      <c r="AI28" s="36"/>
      <c r="AJ28" s="36"/>
      <c r="AK28" s="36"/>
      <c r="AL28" s="36"/>
      <c r="AM28" s="36"/>
      <c r="AN28" s="36"/>
      <c r="AO28" s="36"/>
      <c r="AP28" s="36"/>
      <c r="AQ28" s="36"/>
      <c r="AR28" s="36"/>
      <c r="AS28" s="36"/>
      <c r="AT28" s="36"/>
      <c r="AU28" s="36"/>
      <c r="AV28" s="36"/>
      <c r="AW28" s="36"/>
      <c r="AX28" s="36"/>
      <c r="AY28" s="36"/>
      <c r="AZ28" s="36"/>
      <c r="BA28" s="36"/>
    </row>
    <row r="29" spans="1:53" s="9" customFormat="1">
      <c r="A29" s="19"/>
      <c r="B29" s="20"/>
      <c r="C29" s="19"/>
      <c r="D29" s="21"/>
      <c r="E29" s="22"/>
      <c r="F29" s="22"/>
      <c r="G29" s="22"/>
      <c r="H29" s="22"/>
      <c r="I29" s="22"/>
      <c r="J29" s="22"/>
      <c r="K29" s="22"/>
      <c r="L29" s="22"/>
      <c r="M29" s="22"/>
      <c r="N29" s="22"/>
      <c r="O29" s="22"/>
      <c r="P29" s="22"/>
      <c r="Q29" s="22"/>
      <c r="R29" s="22"/>
      <c r="S29" s="22"/>
      <c r="T29" s="22"/>
      <c r="U29" s="22"/>
      <c r="V29" s="22"/>
      <c r="W29" s="22"/>
      <c r="X29" s="22"/>
      <c r="Y29" s="22"/>
      <c r="Z29" s="22"/>
      <c r="AA29" s="22"/>
      <c r="AB29" s="22"/>
      <c r="AC29" s="22"/>
      <c r="AD29" s="22"/>
      <c r="AE29" s="22"/>
      <c r="AF29" s="22"/>
      <c r="AG29" s="22"/>
      <c r="AH29" s="22"/>
      <c r="AI29" s="22"/>
      <c r="AJ29" s="22"/>
      <c r="AK29" s="22"/>
      <c r="AL29" s="22"/>
      <c r="AM29" s="22"/>
      <c r="AN29" s="22"/>
      <c r="AO29" s="22"/>
      <c r="AP29" s="22"/>
      <c r="AQ29" s="22"/>
      <c r="AR29" s="22"/>
      <c r="AS29" s="22"/>
      <c r="AT29" s="22"/>
      <c r="AU29" s="22"/>
      <c r="AV29" s="22"/>
      <c r="AW29" s="22"/>
      <c r="AX29" s="22"/>
      <c r="AY29" s="22"/>
      <c r="AZ29" s="22"/>
      <c r="BA29" s="22"/>
    </row>
    <row r="30" spans="1:53" s="11" customFormat="1" ht="51.95" customHeight="1">
      <c r="A30" s="32" t="s">
        <v>70</v>
      </c>
      <c r="B30" s="33"/>
      <c r="C30" s="32" t="s">
        <v>29</v>
      </c>
      <c r="D30" s="34" t="s">
        <v>71</v>
      </c>
      <c r="E30" s="36"/>
      <c r="F30" s="36"/>
      <c r="G30" s="36"/>
      <c r="H30" s="36"/>
      <c r="I30" s="36"/>
      <c r="J30" s="36"/>
      <c r="K30" s="36"/>
      <c r="L30" s="36"/>
      <c r="M30" s="36"/>
      <c r="N30" s="36"/>
      <c r="O30" s="36"/>
      <c r="P30" s="36"/>
      <c r="Q30" s="36"/>
      <c r="R30" s="36"/>
      <c r="S30" s="36"/>
      <c r="T30" s="36"/>
      <c r="U30" s="36"/>
      <c r="V30" s="36"/>
      <c r="W30" s="36"/>
      <c r="X30" s="36"/>
      <c r="Y30" s="36"/>
      <c r="Z30" s="36"/>
      <c r="AA30" s="36"/>
      <c r="AB30" s="36"/>
      <c r="AC30" s="36"/>
      <c r="AD30" s="36"/>
      <c r="AE30" s="36"/>
      <c r="AF30" s="36"/>
      <c r="AG30" s="36"/>
      <c r="AH30" s="36"/>
      <c r="AI30" s="36"/>
      <c r="AJ30" s="36"/>
      <c r="AK30" s="36"/>
      <c r="AL30" s="36"/>
      <c r="AM30" s="36"/>
      <c r="AN30" s="36"/>
      <c r="AO30" s="36"/>
      <c r="AP30" s="36"/>
      <c r="AQ30" s="36"/>
      <c r="AR30" s="36"/>
      <c r="AS30" s="36"/>
      <c r="AT30" s="36"/>
      <c r="AU30" s="36"/>
      <c r="AV30" s="36"/>
      <c r="AW30" s="36"/>
      <c r="AX30" s="36"/>
      <c r="AY30" s="36"/>
      <c r="AZ30" s="36"/>
      <c r="BA30" s="36"/>
    </row>
    <row r="31" spans="1:53" s="11" customFormat="1" ht="51.95" customHeight="1">
      <c r="A31" s="32" t="s">
        <v>72</v>
      </c>
      <c r="B31" s="33"/>
      <c r="C31" s="32" t="s">
        <v>33</v>
      </c>
      <c r="D31" s="34" t="s">
        <v>73</v>
      </c>
      <c r="E31" s="36"/>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36"/>
      <c r="AL31" s="36"/>
      <c r="AM31" s="36"/>
      <c r="AN31" s="36"/>
      <c r="AO31" s="36"/>
      <c r="AP31" s="36"/>
      <c r="AQ31" s="36"/>
      <c r="AR31" s="36"/>
      <c r="AS31" s="36"/>
      <c r="AT31" s="36"/>
      <c r="AU31" s="36"/>
      <c r="AV31" s="36"/>
      <c r="AW31" s="36"/>
      <c r="AX31" s="36"/>
      <c r="AY31" s="36"/>
      <c r="AZ31" s="36"/>
      <c r="BA31" s="36"/>
    </row>
    <row r="32" spans="1:53" s="11" customFormat="1" ht="51.95" customHeight="1">
      <c r="A32" s="32" t="s">
        <v>74</v>
      </c>
      <c r="B32" s="33"/>
      <c r="C32" s="32" t="s">
        <v>29</v>
      </c>
      <c r="D32" s="34" t="s">
        <v>75</v>
      </c>
      <c r="E32" s="36"/>
      <c r="F32" s="36"/>
      <c r="G32" s="36"/>
      <c r="H32" s="36"/>
      <c r="I32" s="36"/>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6"/>
      <c r="AK32" s="36"/>
      <c r="AL32" s="36"/>
      <c r="AM32" s="36"/>
      <c r="AN32" s="36"/>
      <c r="AO32" s="36"/>
      <c r="AP32" s="36"/>
      <c r="AQ32" s="36"/>
      <c r="AR32" s="36"/>
      <c r="AS32" s="36"/>
      <c r="AT32" s="36"/>
      <c r="AU32" s="36"/>
      <c r="AV32" s="36"/>
      <c r="AW32" s="36"/>
      <c r="AX32" s="36"/>
      <c r="AY32" s="36"/>
      <c r="AZ32" s="36"/>
      <c r="BA32" s="36"/>
    </row>
    <row r="33" spans="1:53" s="11" customFormat="1" ht="51.95" customHeight="1">
      <c r="A33" s="32" t="s">
        <v>76</v>
      </c>
      <c r="B33" s="33"/>
      <c r="C33" s="32" t="s">
        <v>33</v>
      </c>
      <c r="D33" s="34" t="s">
        <v>77</v>
      </c>
      <c r="E33" s="36"/>
      <c r="F33" s="36"/>
      <c r="G33" s="36"/>
      <c r="H33" s="36"/>
      <c r="I33" s="36"/>
      <c r="J33" s="36"/>
      <c r="K33" s="36"/>
      <c r="L33" s="36"/>
      <c r="M33" s="36"/>
      <c r="N33" s="36"/>
      <c r="O33" s="36"/>
      <c r="P33" s="36"/>
      <c r="Q33" s="36"/>
      <c r="R33" s="36"/>
      <c r="S33" s="36"/>
      <c r="T33" s="36"/>
      <c r="U33" s="36"/>
      <c r="V33" s="36"/>
      <c r="W33" s="36"/>
      <c r="X33" s="36"/>
      <c r="Y33" s="36"/>
      <c r="Z33" s="36"/>
      <c r="AA33" s="36"/>
      <c r="AB33" s="36"/>
      <c r="AC33" s="36"/>
      <c r="AD33" s="36"/>
      <c r="AE33" s="36"/>
      <c r="AF33" s="36"/>
      <c r="AG33" s="36"/>
      <c r="AH33" s="36"/>
      <c r="AI33" s="36"/>
      <c r="AJ33" s="36"/>
      <c r="AK33" s="36"/>
      <c r="AL33" s="36"/>
      <c r="AM33" s="36"/>
      <c r="AN33" s="36"/>
      <c r="AO33" s="36"/>
      <c r="AP33" s="36"/>
      <c r="AQ33" s="36"/>
      <c r="AR33" s="36"/>
      <c r="AS33" s="36"/>
      <c r="AT33" s="36"/>
      <c r="AU33" s="36"/>
      <c r="AV33" s="36"/>
      <c r="AW33" s="36"/>
      <c r="AX33" s="36"/>
      <c r="AY33" s="36"/>
      <c r="AZ33" s="36"/>
      <c r="BA33" s="36"/>
    </row>
    <row r="34" spans="1:53">
      <c r="A34" s="19" t="s">
        <v>78</v>
      </c>
    </row>
    <row r="35" spans="1:53" s="11" customFormat="1" ht="51.95" customHeight="1">
      <c r="A35" s="32" t="s">
        <v>79</v>
      </c>
      <c r="B35" s="33"/>
      <c r="C35" s="32" t="s">
        <v>29</v>
      </c>
      <c r="D35" s="34" t="s">
        <v>80</v>
      </c>
      <c r="E35" s="35"/>
      <c r="F35" s="36"/>
      <c r="G35" s="36"/>
      <c r="H35" s="36"/>
      <c r="I35" s="36"/>
      <c r="J35" s="36"/>
      <c r="K35" s="36"/>
      <c r="L35" s="36"/>
      <c r="M35" s="36"/>
      <c r="N35" s="36"/>
      <c r="O35" s="36"/>
      <c r="P35" s="36"/>
      <c r="Q35" s="36"/>
      <c r="R35" s="36"/>
      <c r="S35" s="36"/>
      <c r="T35" s="36"/>
      <c r="U35" s="36"/>
      <c r="V35" s="36"/>
      <c r="W35" s="36"/>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row>
    <row r="36" spans="1:53" s="11" customFormat="1" ht="51.95" customHeight="1">
      <c r="A36" s="32" t="s">
        <v>81</v>
      </c>
      <c r="B36" s="37"/>
      <c r="C36" s="32" t="s">
        <v>33</v>
      </c>
      <c r="D36" s="34" t="s">
        <v>82</v>
      </c>
      <c r="E36" s="36"/>
      <c r="F36" s="36"/>
      <c r="G36" s="36"/>
      <c r="H36" s="36"/>
      <c r="I36" s="36"/>
      <c r="J36" s="36"/>
      <c r="K36" s="36"/>
      <c r="L36" s="36"/>
      <c r="M36" s="36"/>
      <c r="N36" s="36"/>
      <c r="O36" s="36"/>
      <c r="P36" s="36"/>
      <c r="Q36" s="36"/>
      <c r="R36" s="36"/>
      <c r="S36" s="36"/>
      <c r="T36" s="36"/>
      <c r="U36" s="36"/>
      <c r="V36" s="36"/>
      <c r="W36" s="36"/>
      <c r="X36" s="36"/>
      <c r="Y36" s="36"/>
      <c r="Z36" s="36"/>
      <c r="AA36" s="36"/>
      <c r="AB36" s="36"/>
      <c r="AC36" s="36"/>
      <c r="AD36" s="36"/>
      <c r="AE36" s="36"/>
      <c r="AF36" s="36"/>
      <c r="AG36" s="36"/>
      <c r="AH36" s="36"/>
      <c r="AI36" s="36"/>
      <c r="AJ36" s="36"/>
      <c r="AK36" s="36"/>
      <c r="AL36" s="36"/>
      <c r="AM36" s="36"/>
      <c r="AN36" s="36"/>
      <c r="AO36" s="36"/>
      <c r="AP36" s="36"/>
      <c r="AQ36" s="36"/>
      <c r="AR36" s="36"/>
      <c r="AS36" s="36"/>
      <c r="AT36" s="36"/>
      <c r="AU36" s="36"/>
      <c r="AV36" s="36"/>
      <c r="AW36" s="36"/>
      <c r="AX36" s="36"/>
      <c r="AY36" s="36"/>
      <c r="AZ36" s="36"/>
      <c r="BA36" s="36"/>
    </row>
  </sheetData>
  <phoneticPr fontId="6" type="noConversion"/>
  <pageMargins left="0.69930555555555596" right="0.69930555555555596" top="0.75" bottom="0.75" header="0.3" footer="0.3"/>
  <pageSetup paperSize="9" orientation="portrait"/>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12"/>
  <sheetViews>
    <sheetView tabSelected="1" zoomScale="114" zoomScaleNormal="114" workbookViewId="0">
      <pane xSplit="3" ySplit="1" topLeftCell="D2" activePane="bottomRight" state="frozen"/>
      <selection pane="topRight" activeCell="E1" sqref="E1"/>
      <selection pane="bottomLeft" activeCell="A2" sqref="A2"/>
      <selection pane="bottomRight" activeCell="B4" sqref="B4"/>
    </sheetView>
  </sheetViews>
  <sheetFormatPr defaultColWidth="9" defaultRowHeight="15"/>
  <cols>
    <col min="1" max="1" width="18" hidden="1" customWidth="1"/>
    <col min="2" max="2" width="22.85546875" customWidth="1"/>
    <col min="3" max="3" width="18.7109375" customWidth="1"/>
    <col min="4" max="4" width="37.42578125" style="227" customWidth="1"/>
    <col min="5" max="5" width="11.140625" style="709" customWidth="1"/>
    <col min="6" max="6" width="9.42578125" style="215" bestFit="1" customWidth="1"/>
    <col min="7" max="7" width="13.140625" style="215" bestFit="1" customWidth="1"/>
    <col min="8" max="8" width="1.5703125" customWidth="1"/>
    <col min="9" max="9" width="10.42578125" customWidth="1"/>
    <col min="11" max="11" width="10.7109375" bestFit="1" customWidth="1"/>
    <col min="12" max="12" width="11.140625" style="520" customWidth="1"/>
    <col min="13" max="13" width="3.7109375" bestFit="1" customWidth="1"/>
    <col min="16" max="16" width="9.140625" customWidth="1"/>
    <col min="17" max="17" width="5.42578125" bestFit="1" customWidth="1"/>
    <col min="18" max="18" width="5.42578125" style="227" bestFit="1" customWidth="1"/>
    <col min="19" max="19" width="6.140625" style="227" bestFit="1" customWidth="1"/>
    <col min="20" max="20" width="18.85546875" style="516" customWidth="1"/>
    <col min="21" max="21" width="26.85546875" style="516" customWidth="1"/>
    <col min="22" max="23" width="0" hidden="1" customWidth="1"/>
  </cols>
  <sheetData>
    <row r="1" spans="1:24" s="51" customFormat="1" ht="31.5" customHeight="1">
      <c r="A1" s="228" t="s">
        <v>845</v>
      </c>
      <c r="B1" s="228" t="s">
        <v>835</v>
      </c>
      <c r="C1" s="228" t="s">
        <v>115</v>
      </c>
      <c r="D1" s="62" t="s">
        <v>828</v>
      </c>
      <c r="E1" s="702" t="s">
        <v>2849</v>
      </c>
      <c r="F1" s="54" t="s">
        <v>86</v>
      </c>
      <c r="G1" s="54" t="s">
        <v>88</v>
      </c>
      <c r="H1" s="55"/>
      <c r="I1" s="96" t="s">
        <v>844</v>
      </c>
      <c r="J1" s="98" t="s">
        <v>1857</v>
      </c>
      <c r="K1" s="98" t="s">
        <v>1858</v>
      </c>
      <c r="L1" s="98" t="s">
        <v>1859</v>
      </c>
      <c r="M1" s="98" t="s">
        <v>1860</v>
      </c>
      <c r="N1" s="98" t="s">
        <v>1861</v>
      </c>
      <c r="O1" s="98" t="s">
        <v>1862</v>
      </c>
      <c r="P1" s="99" t="s">
        <v>834</v>
      </c>
      <c r="Q1" s="99" t="s">
        <v>1863</v>
      </c>
      <c r="R1" s="98" t="s">
        <v>1864</v>
      </c>
      <c r="S1" s="98" t="s">
        <v>1865</v>
      </c>
      <c r="T1" s="98" t="s">
        <v>25</v>
      </c>
      <c r="U1" s="98" t="s">
        <v>24</v>
      </c>
      <c r="V1" s="98" t="s">
        <v>1866</v>
      </c>
      <c r="W1" s="98" t="s">
        <v>1867</v>
      </c>
      <c r="X1" s="98" t="s">
        <v>1868</v>
      </c>
    </row>
    <row r="2" spans="1:24" s="7" customFormat="1" ht="15.75">
      <c r="A2" s="68"/>
      <c r="B2" s="95" t="s">
        <v>104</v>
      </c>
      <c r="C2" s="116"/>
      <c r="D2" s="230"/>
      <c r="E2" s="703"/>
      <c r="F2" s="521"/>
      <c r="G2" s="521"/>
      <c r="H2" s="56"/>
      <c r="L2" s="101"/>
      <c r="R2" s="226"/>
      <c r="S2" s="226"/>
      <c r="T2" s="293"/>
      <c r="U2" s="293"/>
    </row>
    <row r="3" spans="1:24" s="7" customFormat="1">
      <c r="A3" s="263"/>
      <c r="B3" s="479" t="s">
        <v>2613</v>
      </c>
      <c r="C3" s="64"/>
      <c r="D3" s="229"/>
      <c r="E3" s="704"/>
      <c r="F3" s="522"/>
      <c r="G3" s="522"/>
      <c r="H3" s="58"/>
      <c r="I3" s="58"/>
      <c r="J3" s="58"/>
      <c r="K3" s="58"/>
      <c r="L3" s="517"/>
      <c r="M3" s="58"/>
      <c r="N3" s="58"/>
      <c r="O3" s="58"/>
      <c r="P3" s="58"/>
      <c r="Q3" s="58"/>
      <c r="R3" s="58"/>
      <c r="S3" s="58"/>
      <c r="T3" s="511"/>
      <c r="U3" s="511"/>
      <c r="V3" s="58"/>
      <c r="W3" s="58"/>
      <c r="X3" s="58"/>
    </row>
    <row r="4" spans="1:24" ht="32.1" customHeight="1">
      <c r="A4" s="473" t="s">
        <v>1432</v>
      </c>
      <c r="B4" s="473" t="s">
        <v>1433</v>
      </c>
      <c r="C4" s="390"/>
      <c r="D4" s="735" t="s">
        <v>2829</v>
      </c>
      <c r="E4" s="705" t="s">
        <v>89</v>
      </c>
      <c r="F4" s="484"/>
      <c r="G4" s="484"/>
      <c r="H4" s="483"/>
      <c r="I4" s="491" t="s">
        <v>1924</v>
      </c>
      <c r="J4" s="491" t="s">
        <v>1925</v>
      </c>
      <c r="K4" s="491" t="s">
        <v>119</v>
      </c>
      <c r="L4" s="273" t="s">
        <v>1933</v>
      </c>
      <c r="M4" s="491" t="s">
        <v>121</v>
      </c>
      <c r="N4" s="491" t="s">
        <v>121</v>
      </c>
      <c r="O4" s="491" t="s">
        <v>121</v>
      </c>
      <c r="P4" s="491" t="s">
        <v>121</v>
      </c>
      <c r="Q4" s="491" t="s">
        <v>120</v>
      </c>
      <c r="R4" s="491" t="s">
        <v>120</v>
      </c>
      <c r="S4" s="491" t="s">
        <v>120</v>
      </c>
      <c r="T4" s="265" t="s">
        <v>1927</v>
      </c>
      <c r="U4" s="265" t="s">
        <v>1934</v>
      </c>
      <c r="V4" s="491" t="s">
        <v>1935</v>
      </c>
      <c r="W4" s="491" t="s">
        <v>1936</v>
      </c>
      <c r="X4" s="491" t="s">
        <v>1922</v>
      </c>
    </row>
    <row r="5" spans="1:24" ht="32.450000000000003" customHeight="1">
      <c r="A5" s="473" t="s">
        <v>1434</v>
      </c>
      <c r="B5" s="473" t="s">
        <v>1435</v>
      </c>
      <c r="C5" s="391"/>
      <c r="D5" s="735"/>
      <c r="E5" s="705" t="s">
        <v>89</v>
      </c>
      <c r="F5" s="484"/>
      <c r="G5" s="484"/>
      <c r="H5" s="483"/>
      <c r="I5" s="491" t="s">
        <v>1924</v>
      </c>
      <c r="J5" s="491" t="s">
        <v>1925</v>
      </c>
      <c r="K5" s="491" t="s">
        <v>119</v>
      </c>
      <c r="L5" s="273" t="s">
        <v>1921</v>
      </c>
      <c r="M5" s="491" t="s">
        <v>121</v>
      </c>
      <c r="N5" s="491" t="s">
        <v>121</v>
      </c>
      <c r="O5" s="491" t="s">
        <v>121</v>
      </c>
      <c r="P5" s="491" t="s">
        <v>121</v>
      </c>
      <c r="Q5" s="491" t="s">
        <v>120</v>
      </c>
      <c r="R5" s="491" t="s">
        <v>120</v>
      </c>
      <c r="S5" s="491" t="s">
        <v>120</v>
      </c>
      <c r="T5" s="265" t="s">
        <v>1927</v>
      </c>
      <c r="U5" s="265" t="s">
        <v>1934</v>
      </c>
      <c r="V5" s="491" t="s">
        <v>1937</v>
      </c>
      <c r="W5" s="491" t="s">
        <v>1938</v>
      </c>
      <c r="X5" s="491" t="s">
        <v>1922</v>
      </c>
    </row>
    <row r="6" spans="1:24" s="42" customFormat="1" ht="38.450000000000003" customHeight="1">
      <c r="A6" s="272" t="s">
        <v>1483</v>
      </c>
      <c r="B6" s="272" t="s">
        <v>1484</v>
      </c>
      <c r="C6" s="402"/>
      <c r="D6" s="736" t="s">
        <v>2805</v>
      </c>
      <c r="E6" s="705" t="s">
        <v>89</v>
      </c>
      <c r="F6" s="487" t="s">
        <v>824</v>
      </c>
      <c r="G6" s="482"/>
      <c r="H6" s="483"/>
      <c r="I6" s="491" t="s">
        <v>1924</v>
      </c>
      <c r="J6" s="491" t="s">
        <v>1925</v>
      </c>
      <c r="K6" s="491" t="s">
        <v>119</v>
      </c>
      <c r="L6" s="273" t="s">
        <v>1933</v>
      </c>
      <c r="M6" s="491" t="s">
        <v>121</v>
      </c>
      <c r="N6" s="491" t="s">
        <v>121</v>
      </c>
      <c r="O6" s="491" t="s">
        <v>121</v>
      </c>
      <c r="P6" s="491" t="s">
        <v>120</v>
      </c>
      <c r="Q6" s="491" t="s">
        <v>120</v>
      </c>
      <c r="R6" s="491" t="s">
        <v>120</v>
      </c>
      <c r="S6" s="491" t="s">
        <v>120</v>
      </c>
      <c r="T6" s="265" t="s">
        <v>1991</v>
      </c>
      <c r="U6" s="265" t="s">
        <v>1992</v>
      </c>
      <c r="V6" s="491" t="s">
        <v>1993</v>
      </c>
      <c r="W6" s="491" t="s">
        <v>1994</v>
      </c>
      <c r="X6" s="491" t="s">
        <v>1922</v>
      </c>
    </row>
    <row r="7" spans="1:24" s="42" customFormat="1" ht="38.450000000000003" customHeight="1">
      <c r="A7" s="272" t="s">
        <v>1485</v>
      </c>
      <c r="B7" s="272" t="s">
        <v>1486</v>
      </c>
      <c r="C7" s="403"/>
      <c r="D7" s="737"/>
      <c r="E7" s="705" t="s">
        <v>89</v>
      </c>
      <c r="F7" s="487" t="s">
        <v>824</v>
      </c>
      <c r="G7" s="482"/>
      <c r="H7" s="483"/>
      <c r="I7" s="491" t="s">
        <v>1924</v>
      </c>
      <c r="J7" s="491" t="s">
        <v>1925</v>
      </c>
      <c r="K7" s="491" t="s">
        <v>119</v>
      </c>
      <c r="L7" s="273" t="s">
        <v>1921</v>
      </c>
      <c r="M7" s="491" t="s">
        <v>121</v>
      </c>
      <c r="N7" s="491" t="s">
        <v>121</v>
      </c>
      <c r="O7" s="491" t="s">
        <v>121</v>
      </c>
      <c r="P7" s="491" t="s">
        <v>120</v>
      </c>
      <c r="Q7" s="491" t="s">
        <v>120</v>
      </c>
      <c r="R7" s="491" t="s">
        <v>120</v>
      </c>
      <c r="S7" s="491" t="s">
        <v>120</v>
      </c>
      <c r="T7" s="265" t="s">
        <v>1991</v>
      </c>
      <c r="U7" s="265">
        <v>0</v>
      </c>
      <c r="V7" s="491" t="s">
        <v>1995</v>
      </c>
      <c r="W7" s="491" t="s">
        <v>1996</v>
      </c>
      <c r="X7" s="491" t="s">
        <v>1922</v>
      </c>
    </row>
    <row r="8" spans="1:24" s="42" customFormat="1" ht="42" customHeight="1">
      <c r="A8" s="473" t="s">
        <v>1491</v>
      </c>
      <c r="B8" s="272" t="s">
        <v>1492</v>
      </c>
      <c r="C8" s="393"/>
      <c r="D8" s="738" t="s">
        <v>2806</v>
      </c>
      <c r="E8" s="705" t="s">
        <v>89</v>
      </c>
      <c r="F8" s="487" t="s">
        <v>824</v>
      </c>
      <c r="G8" s="482"/>
      <c r="H8" s="483"/>
      <c r="I8" s="491" t="s">
        <v>1924</v>
      </c>
      <c r="J8" s="491" t="s">
        <v>1925</v>
      </c>
      <c r="K8" s="491" t="s">
        <v>119</v>
      </c>
      <c r="L8" s="273" t="s">
        <v>1933</v>
      </c>
      <c r="M8" s="491" t="s">
        <v>121</v>
      </c>
      <c r="N8" s="491" t="s">
        <v>121</v>
      </c>
      <c r="O8" s="491" t="s">
        <v>121</v>
      </c>
      <c r="P8" s="491" t="s">
        <v>121</v>
      </c>
      <c r="Q8" s="491" t="s">
        <v>120</v>
      </c>
      <c r="R8" s="491" t="s">
        <v>120</v>
      </c>
      <c r="S8" s="491" t="s">
        <v>120</v>
      </c>
      <c r="T8" s="265" t="s">
        <v>1927</v>
      </c>
      <c r="U8" s="265" t="s">
        <v>1997</v>
      </c>
      <c r="V8" s="491" t="s">
        <v>1998</v>
      </c>
      <c r="W8" s="491" t="s">
        <v>1999</v>
      </c>
      <c r="X8" s="491" t="s">
        <v>1922</v>
      </c>
    </row>
    <row r="9" spans="1:24" s="42" customFormat="1" ht="37.5" customHeight="1">
      <c r="A9" s="473" t="s">
        <v>1493</v>
      </c>
      <c r="B9" s="272" t="s">
        <v>1494</v>
      </c>
      <c r="C9" s="401"/>
      <c r="D9" s="739"/>
      <c r="E9" s="705" t="s">
        <v>89</v>
      </c>
      <c r="F9" s="487" t="s">
        <v>824</v>
      </c>
      <c r="G9" s="482"/>
      <c r="H9" s="483"/>
      <c r="I9" s="491" t="s">
        <v>1924</v>
      </c>
      <c r="J9" s="491" t="s">
        <v>1925</v>
      </c>
      <c r="K9" s="491" t="s">
        <v>119</v>
      </c>
      <c r="L9" s="273" t="s">
        <v>1921</v>
      </c>
      <c r="M9" s="491" t="s">
        <v>121</v>
      </c>
      <c r="N9" s="491" t="s">
        <v>121</v>
      </c>
      <c r="O9" s="491" t="s">
        <v>121</v>
      </c>
      <c r="P9" s="491" t="s">
        <v>121</v>
      </c>
      <c r="Q9" s="491" t="s">
        <v>120</v>
      </c>
      <c r="R9" s="491" t="s">
        <v>120</v>
      </c>
      <c r="S9" s="491" t="s">
        <v>120</v>
      </c>
      <c r="T9" s="265" t="s">
        <v>1927</v>
      </c>
      <c r="U9" s="265">
        <v>0</v>
      </c>
      <c r="V9" s="491" t="s">
        <v>2000</v>
      </c>
      <c r="W9" s="491" t="s">
        <v>2001</v>
      </c>
      <c r="X9" s="491" t="s">
        <v>1922</v>
      </c>
    </row>
    <row r="10" spans="1:24" s="7" customFormat="1">
      <c r="A10" s="263"/>
      <c r="B10" s="479" t="s">
        <v>2614</v>
      </c>
      <c r="C10" s="64"/>
      <c r="D10" s="229"/>
      <c r="E10" s="704"/>
      <c r="F10" s="522"/>
      <c r="G10" s="522"/>
      <c r="H10" s="58"/>
      <c r="I10" s="58"/>
      <c r="J10" s="58"/>
      <c r="K10" s="58"/>
      <c r="L10" s="517"/>
      <c r="M10" s="58"/>
      <c r="N10" s="58"/>
      <c r="O10" s="58"/>
      <c r="P10" s="58"/>
      <c r="Q10" s="58"/>
      <c r="R10" s="58"/>
      <c r="S10" s="58"/>
      <c r="T10" s="511"/>
      <c r="U10" s="511"/>
      <c r="V10" s="58"/>
      <c r="W10" s="58"/>
      <c r="X10" s="58"/>
    </row>
    <row r="11" spans="1:24" s="42" customFormat="1" ht="55.5" customHeight="1">
      <c r="A11" s="472" t="s">
        <v>885</v>
      </c>
      <c r="B11" s="273" t="s">
        <v>886</v>
      </c>
      <c r="C11" s="235"/>
      <c r="D11" s="266" t="s">
        <v>910</v>
      </c>
      <c r="E11" s="705" t="s">
        <v>89</v>
      </c>
      <c r="F11" s="482" t="s">
        <v>824</v>
      </c>
      <c r="G11" s="482"/>
      <c r="H11" s="483"/>
      <c r="I11" s="491" t="s">
        <v>1920</v>
      </c>
      <c r="J11" s="491" t="s">
        <v>132</v>
      </c>
      <c r="K11" s="491" t="s">
        <v>119</v>
      </c>
      <c r="L11" s="273" t="s">
        <v>1933</v>
      </c>
      <c r="M11" s="491" t="s">
        <v>121</v>
      </c>
      <c r="N11" s="491" t="s">
        <v>121</v>
      </c>
      <c r="O11" s="491" t="s">
        <v>121</v>
      </c>
      <c r="P11" s="491" t="s">
        <v>121</v>
      </c>
      <c r="Q11" s="491" t="s">
        <v>121</v>
      </c>
      <c r="R11" s="491" t="s">
        <v>120</v>
      </c>
      <c r="S11" s="491" t="s">
        <v>120</v>
      </c>
      <c r="T11" s="265" t="s">
        <v>2002</v>
      </c>
      <c r="U11" s="265" t="s">
        <v>2003</v>
      </c>
      <c r="V11" s="491" t="s">
        <v>2004</v>
      </c>
      <c r="W11" s="491" t="s">
        <v>2005</v>
      </c>
      <c r="X11" s="491" t="s">
        <v>1922</v>
      </c>
    </row>
    <row r="12" spans="1:24" ht="44.25" customHeight="1">
      <c r="A12" s="273" t="s">
        <v>922</v>
      </c>
      <c r="B12" s="273" t="s">
        <v>924</v>
      </c>
      <c r="C12" s="259"/>
      <c r="D12" s="731" t="s">
        <v>2830</v>
      </c>
      <c r="E12" s="705" t="s">
        <v>89</v>
      </c>
      <c r="F12" s="482" t="s">
        <v>926</v>
      </c>
      <c r="G12" s="495"/>
      <c r="H12" s="483"/>
      <c r="I12" s="491" t="s">
        <v>1942</v>
      </c>
      <c r="J12" s="491" t="s">
        <v>132</v>
      </c>
      <c r="K12" s="491" t="s">
        <v>119</v>
      </c>
      <c r="L12" s="273" t="s">
        <v>1921</v>
      </c>
      <c r="M12" s="491" t="s">
        <v>121</v>
      </c>
      <c r="N12" s="491" t="s">
        <v>121</v>
      </c>
      <c r="O12" s="491" t="s">
        <v>121</v>
      </c>
      <c r="P12" s="491" t="s">
        <v>120</v>
      </c>
      <c r="Q12" s="491" t="s">
        <v>1926</v>
      </c>
      <c r="R12" s="491" t="s">
        <v>1926</v>
      </c>
      <c r="S12" s="491" t="s">
        <v>121</v>
      </c>
      <c r="T12" s="265" t="s">
        <v>1943</v>
      </c>
      <c r="U12" s="265" t="s">
        <v>1944</v>
      </c>
      <c r="V12" s="491" t="s">
        <v>1945</v>
      </c>
      <c r="W12" s="491" t="s">
        <v>1946</v>
      </c>
      <c r="X12" s="491" t="s">
        <v>1919</v>
      </c>
    </row>
    <row r="13" spans="1:24" ht="36.6" customHeight="1">
      <c r="A13" s="273" t="s">
        <v>923</v>
      </c>
      <c r="B13" s="273" t="s">
        <v>925</v>
      </c>
      <c r="C13" s="258"/>
      <c r="D13" s="732"/>
      <c r="E13" s="705" t="s">
        <v>89</v>
      </c>
      <c r="F13" s="482" t="s">
        <v>926</v>
      </c>
      <c r="G13" s="495"/>
      <c r="H13" s="483"/>
      <c r="I13" s="491" t="s">
        <v>1942</v>
      </c>
      <c r="J13" s="491" t="s">
        <v>132</v>
      </c>
      <c r="K13" s="491" t="s">
        <v>119</v>
      </c>
      <c r="L13" s="273" t="s">
        <v>1923</v>
      </c>
      <c r="M13" s="491" t="s">
        <v>121</v>
      </c>
      <c r="N13" s="491" t="s">
        <v>121</v>
      </c>
      <c r="O13" s="491" t="s">
        <v>121</v>
      </c>
      <c r="P13" s="491" t="s">
        <v>120</v>
      </c>
      <c r="Q13" s="491" t="s">
        <v>1926</v>
      </c>
      <c r="R13" s="491" t="s">
        <v>1926</v>
      </c>
      <c r="S13" s="491" t="s">
        <v>121</v>
      </c>
      <c r="T13" s="265" t="s">
        <v>1943</v>
      </c>
      <c r="U13" s="265" t="s">
        <v>1944</v>
      </c>
      <c r="V13" s="491" t="s">
        <v>1947</v>
      </c>
      <c r="W13" s="491" t="s">
        <v>1948</v>
      </c>
      <c r="X13" s="491" t="s">
        <v>1919</v>
      </c>
    </row>
    <row r="14" spans="1:24" s="42" customFormat="1" ht="36.6" customHeight="1">
      <c r="A14" s="472" t="s">
        <v>2606</v>
      </c>
      <c r="B14" s="472" t="s">
        <v>927</v>
      </c>
      <c r="C14" s="244"/>
      <c r="D14" s="744" t="s">
        <v>2807</v>
      </c>
      <c r="E14" s="705" t="s">
        <v>89</v>
      </c>
      <c r="F14" s="485" t="s">
        <v>824</v>
      </c>
      <c r="G14" s="495"/>
      <c r="H14" s="483"/>
      <c r="I14" s="491" t="s">
        <v>1942</v>
      </c>
      <c r="J14" s="491" t="s">
        <v>132</v>
      </c>
      <c r="K14" s="491" t="s">
        <v>119</v>
      </c>
      <c r="L14" s="273" t="s">
        <v>1933</v>
      </c>
      <c r="M14" s="491" t="s">
        <v>121</v>
      </c>
      <c r="N14" s="491" t="s">
        <v>121</v>
      </c>
      <c r="O14" s="491" t="s">
        <v>121</v>
      </c>
      <c r="P14" s="491" t="s">
        <v>120</v>
      </c>
      <c r="Q14" s="491" t="s">
        <v>1926</v>
      </c>
      <c r="R14" s="491" t="s">
        <v>1926</v>
      </c>
      <c r="S14" s="491" t="s">
        <v>121</v>
      </c>
      <c r="T14" s="265" t="s">
        <v>2016</v>
      </c>
      <c r="U14" s="265" t="s">
        <v>2017</v>
      </c>
      <c r="V14" s="491" t="s">
        <v>2018</v>
      </c>
      <c r="W14" s="491" t="s">
        <v>2019</v>
      </c>
      <c r="X14" s="491" t="s">
        <v>1919</v>
      </c>
    </row>
    <row r="15" spans="1:24" s="42" customFormat="1" ht="32.1" customHeight="1">
      <c r="A15" s="472" t="s">
        <v>2607</v>
      </c>
      <c r="B15" s="472" t="s">
        <v>928</v>
      </c>
      <c r="C15" s="235"/>
      <c r="D15" s="745"/>
      <c r="E15" s="705" t="s">
        <v>89</v>
      </c>
      <c r="F15" s="485" t="s">
        <v>824</v>
      </c>
      <c r="G15" s="495"/>
      <c r="H15" s="483"/>
      <c r="I15" s="491" t="s">
        <v>1942</v>
      </c>
      <c r="J15" s="491" t="s">
        <v>132</v>
      </c>
      <c r="K15" s="491" t="s">
        <v>119</v>
      </c>
      <c r="L15" s="273" t="s">
        <v>1921</v>
      </c>
      <c r="M15" s="491" t="s">
        <v>121</v>
      </c>
      <c r="N15" s="491" t="s">
        <v>121</v>
      </c>
      <c r="O15" s="491" t="s">
        <v>121</v>
      </c>
      <c r="P15" s="491" t="s">
        <v>120</v>
      </c>
      <c r="Q15" s="491" t="s">
        <v>1926</v>
      </c>
      <c r="R15" s="491" t="s">
        <v>1926</v>
      </c>
      <c r="S15" s="491" t="s">
        <v>121</v>
      </c>
      <c r="T15" s="265" t="s">
        <v>2020</v>
      </c>
      <c r="U15" s="265" t="s">
        <v>2017</v>
      </c>
      <c r="V15" s="491" t="s">
        <v>2021</v>
      </c>
      <c r="W15" s="491" t="s">
        <v>2022</v>
      </c>
      <c r="X15" s="491" t="s">
        <v>1919</v>
      </c>
    </row>
    <row r="16" spans="1:24" s="7" customFormat="1">
      <c r="A16" s="263"/>
      <c r="B16" s="479" t="s">
        <v>2615</v>
      </c>
      <c r="C16" s="64"/>
      <c r="D16" s="229"/>
      <c r="E16" s="704"/>
      <c r="F16" s="522"/>
      <c r="G16" s="522"/>
      <c r="H16" s="58"/>
      <c r="I16" s="58"/>
      <c r="J16" s="58"/>
      <c r="K16" s="58"/>
      <c r="L16" s="517"/>
      <c r="M16" s="58"/>
      <c r="N16" s="58"/>
      <c r="O16" s="58"/>
      <c r="P16" s="58"/>
      <c r="Q16" s="58"/>
      <c r="R16" s="58"/>
      <c r="S16" s="58"/>
      <c r="T16" s="511"/>
      <c r="U16" s="511"/>
      <c r="V16" s="58"/>
      <c r="W16" s="58"/>
      <c r="X16" s="58"/>
    </row>
    <row r="17" spans="1:24" ht="36.6" customHeight="1">
      <c r="A17" s="272" t="s">
        <v>1007</v>
      </c>
      <c r="B17" s="272" t="s">
        <v>1008</v>
      </c>
      <c r="C17" s="393" t="s">
        <v>1436</v>
      </c>
      <c r="D17" s="744" t="s">
        <v>2831</v>
      </c>
      <c r="E17" s="705" t="s">
        <v>89</v>
      </c>
      <c r="F17" s="482" t="s">
        <v>926</v>
      </c>
      <c r="G17" s="496"/>
      <c r="H17" s="483"/>
      <c r="I17" s="491" t="s">
        <v>1436</v>
      </c>
      <c r="J17" s="491" t="s">
        <v>1959</v>
      </c>
      <c r="K17" s="491" t="s">
        <v>119</v>
      </c>
      <c r="L17" s="273" t="s">
        <v>1933</v>
      </c>
      <c r="M17" s="491" t="s">
        <v>121</v>
      </c>
      <c r="N17" s="491" t="s">
        <v>121</v>
      </c>
      <c r="O17" s="491" t="s">
        <v>120</v>
      </c>
      <c r="P17" s="491" t="s">
        <v>121</v>
      </c>
      <c r="Q17" s="491" t="s">
        <v>120</v>
      </c>
      <c r="R17" s="491" t="s">
        <v>120</v>
      </c>
      <c r="S17" s="491" t="s">
        <v>120</v>
      </c>
      <c r="T17" s="265" t="s">
        <v>1960</v>
      </c>
      <c r="U17" s="265" t="s">
        <v>1961</v>
      </c>
      <c r="V17" s="491" t="s">
        <v>1962</v>
      </c>
      <c r="W17" s="491" t="s">
        <v>1963</v>
      </c>
      <c r="X17" s="491" t="s">
        <v>1922</v>
      </c>
    </row>
    <row r="18" spans="1:24" ht="36.6" customHeight="1">
      <c r="A18" s="272" t="s">
        <v>1009</v>
      </c>
      <c r="B18" s="272" t="s">
        <v>1010</v>
      </c>
      <c r="C18" s="391"/>
      <c r="D18" s="745"/>
      <c r="E18" s="705" t="s">
        <v>89</v>
      </c>
      <c r="F18" s="482" t="s">
        <v>926</v>
      </c>
      <c r="G18" s="496"/>
      <c r="H18" s="483"/>
      <c r="I18" s="491" t="s">
        <v>1436</v>
      </c>
      <c r="J18" s="491" t="s">
        <v>1959</v>
      </c>
      <c r="K18" s="491" t="s">
        <v>119</v>
      </c>
      <c r="L18" s="273" t="s">
        <v>1921</v>
      </c>
      <c r="M18" s="491" t="s">
        <v>121</v>
      </c>
      <c r="N18" s="491" t="s">
        <v>121</v>
      </c>
      <c r="O18" s="491" t="s">
        <v>120</v>
      </c>
      <c r="P18" s="491" t="s">
        <v>121</v>
      </c>
      <c r="Q18" s="491" t="s">
        <v>120</v>
      </c>
      <c r="R18" s="491" t="s">
        <v>120</v>
      </c>
      <c r="S18" s="491" t="s">
        <v>120</v>
      </c>
      <c r="T18" s="265" t="s">
        <v>1960</v>
      </c>
      <c r="U18" s="265" t="s">
        <v>1961</v>
      </c>
      <c r="V18" s="491" t="s">
        <v>1964</v>
      </c>
      <c r="W18" s="491" t="s">
        <v>1965</v>
      </c>
      <c r="X18" s="491" t="s">
        <v>1922</v>
      </c>
    </row>
    <row r="19" spans="1:24" ht="36.6" customHeight="1">
      <c r="A19" s="272" t="s">
        <v>1487</v>
      </c>
      <c r="B19" s="272" t="s">
        <v>1488</v>
      </c>
      <c r="C19" s="393" t="s">
        <v>1436</v>
      </c>
      <c r="D19" s="731" t="s">
        <v>2808</v>
      </c>
      <c r="E19" s="705" t="s">
        <v>89</v>
      </c>
      <c r="F19" s="485" t="s">
        <v>824</v>
      </c>
      <c r="G19" s="495"/>
      <c r="H19" s="483"/>
      <c r="I19" s="491" t="s">
        <v>1436</v>
      </c>
      <c r="J19" s="491" t="s">
        <v>1959</v>
      </c>
      <c r="K19" s="491" t="s">
        <v>119</v>
      </c>
      <c r="L19" s="273" t="s">
        <v>1933</v>
      </c>
      <c r="M19" s="491" t="s">
        <v>121</v>
      </c>
      <c r="N19" s="491" t="s">
        <v>121</v>
      </c>
      <c r="O19" s="491" t="s">
        <v>120</v>
      </c>
      <c r="P19" s="491" t="s">
        <v>121</v>
      </c>
      <c r="Q19" s="491" t="s">
        <v>120</v>
      </c>
      <c r="R19" s="491" t="s">
        <v>120</v>
      </c>
      <c r="S19" s="491" t="s">
        <v>120</v>
      </c>
      <c r="T19" s="265" t="s">
        <v>2023</v>
      </c>
      <c r="U19" s="265" t="s">
        <v>2024</v>
      </c>
      <c r="V19" s="491" t="s">
        <v>2025</v>
      </c>
      <c r="W19" s="491" t="s">
        <v>2026</v>
      </c>
      <c r="X19" s="491" t="s">
        <v>1922</v>
      </c>
    </row>
    <row r="20" spans="1:24" ht="36.6" customHeight="1">
      <c r="A20" s="272" t="s">
        <v>1489</v>
      </c>
      <c r="B20" s="272" t="s">
        <v>1490</v>
      </c>
      <c r="C20" s="391"/>
      <c r="D20" s="732"/>
      <c r="E20" s="705" t="s">
        <v>89</v>
      </c>
      <c r="F20" s="485" t="s">
        <v>824</v>
      </c>
      <c r="G20" s="495"/>
      <c r="H20" s="483"/>
      <c r="I20" s="491" t="s">
        <v>1436</v>
      </c>
      <c r="J20" s="491" t="s">
        <v>1959</v>
      </c>
      <c r="K20" s="491" t="s">
        <v>119</v>
      </c>
      <c r="L20" s="273" t="s">
        <v>1921</v>
      </c>
      <c r="M20" s="491" t="s">
        <v>121</v>
      </c>
      <c r="N20" s="491" t="s">
        <v>121</v>
      </c>
      <c r="O20" s="491" t="s">
        <v>120</v>
      </c>
      <c r="P20" s="491" t="s">
        <v>121</v>
      </c>
      <c r="Q20" s="491" t="s">
        <v>120</v>
      </c>
      <c r="R20" s="491" t="s">
        <v>120</v>
      </c>
      <c r="S20" s="491" t="s">
        <v>120</v>
      </c>
      <c r="T20" s="265" t="s">
        <v>2023</v>
      </c>
      <c r="U20" s="265" t="s">
        <v>2024</v>
      </c>
      <c r="V20" s="491" t="s">
        <v>2027</v>
      </c>
      <c r="W20" s="491" t="s">
        <v>2028</v>
      </c>
      <c r="X20" s="491" t="s">
        <v>1922</v>
      </c>
    </row>
    <row r="21" spans="1:24" ht="36.6" customHeight="1">
      <c r="A21" s="473" t="s">
        <v>1011</v>
      </c>
      <c r="B21" s="272" t="s">
        <v>1012</v>
      </c>
      <c r="C21" s="393" t="s">
        <v>1436</v>
      </c>
      <c r="D21" s="731" t="s">
        <v>2809</v>
      </c>
      <c r="E21" s="705" t="s">
        <v>89</v>
      </c>
      <c r="F21" s="482" t="s">
        <v>824</v>
      </c>
      <c r="G21" s="485"/>
      <c r="H21" s="483"/>
      <c r="I21" s="491" t="s">
        <v>1436</v>
      </c>
      <c r="J21" s="491" t="s">
        <v>1959</v>
      </c>
      <c r="K21" s="491" t="s">
        <v>119</v>
      </c>
      <c r="L21" s="273" t="s">
        <v>1933</v>
      </c>
      <c r="M21" s="491" t="s">
        <v>121</v>
      </c>
      <c r="N21" s="491" t="s">
        <v>121</v>
      </c>
      <c r="O21" s="491" t="s">
        <v>120</v>
      </c>
      <c r="P21" s="491" t="s">
        <v>121</v>
      </c>
      <c r="Q21" s="491" t="s">
        <v>120</v>
      </c>
      <c r="R21" s="491" t="s">
        <v>120</v>
      </c>
      <c r="S21" s="491" t="s">
        <v>120</v>
      </c>
      <c r="T21" s="265" t="s">
        <v>1960</v>
      </c>
      <c r="U21" s="265" t="s">
        <v>2024</v>
      </c>
      <c r="V21" s="491" t="s">
        <v>2035</v>
      </c>
      <c r="W21" s="491" t="s">
        <v>2036</v>
      </c>
      <c r="X21" s="491" t="s">
        <v>1922</v>
      </c>
    </row>
    <row r="22" spans="1:24" ht="36.6" customHeight="1">
      <c r="A22" s="473" t="s">
        <v>1013</v>
      </c>
      <c r="B22" s="473" t="s">
        <v>1014</v>
      </c>
      <c r="C22" s="391"/>
      <c r="D22" s="732"/>
      <c r="E22" s="705" t="s">
        <v>89</v>
      </c>
      <c r="F22" s="482" t="s">
        <v>824</v>
      </c>
      <c r="G22" s="485"/>
      <c r="H22" s="483"/>
      <c r="I22" s="491" t="s">
        <v>1436</v>
      </c>
      <c r="J22" s="491" t="s">
        <v>1959</v>
      </c>
      <c r="K22" s="491" t="s">
        <v>119</v>
      </c>
      <c r="L22" s="273" t="s">
        <v>1921</v>
      </c>
      <c r="M22" s="491" t="s">
        <v>121</v>
      </c>
      <c r="N22" s="491" t="s">
        <v>121</v>
      </c>
      <c r="O22" s="491" t="s">
        <v>120</v>
      </c>
      <c r="P22" s="491" t="s">
        <v>121</v>
      </c>
      <c r="Q22" s="491" t="s">
        <v>120</v>
      </c>
      <c r="R22" s="491" t="s">
        <v>120</v>
      </c>
      <c r="S22" s="491" t="s">
        <v>120</v>
      </c>
      <c r="T22" s="265" t="s">
        <v>1960</v>
      </c>
      <c r="U22" s="265" t="s">
        <v>2024</v>
      </c>
      <c r="V22" s="491" t="s">
        <v>2037</v>
      </c>
      <c r="W22" s="491" t="s">
        <v>2038</v>
      </c>
      <c r="X22" s="491" t="s">
        <v>1922</v>
      </c>
    </row>
    <row r="23" spans="1:24" ht="36.6" customHeight="1">
      <c r="A23" s="473" t="s">
        <v>2628</v>
      </c>
      <c r="B23" s="473" t="s">
        <v>2734</v>
      </c>
      <c r="C23" s="404"/>
      <c r="D23" s="731" t="s">
        <v>2832</v>
      </c>
      <c r="E23" s="705" t="s">
        <v>89</v>
      </c>
      <c r="F23" s="482" t="s">
        <v>824</v>
      </c>
      <c r="G23" s="485"/>
      <c r="H23" s="483"/>
      <c r="I23" s="491" t="s">
        <v>2014</v>
      </c>
      <c r="J23" s="491" t="s">
        <v>1959</v>
      </c>
      <c r="K23" s="491" t="s">
        <v>119</v>
      </c>
      <c r="L23" s="273" t="s">
        <v>1933</v>
      </c>
      <c r="M23" s="491" t="s">
        <v>121</v>
      </c>
      <c r="N23" s="491" t="s">
        <v>121</v>
      </c>
      <c r="O23" s="491" t="s">
        <v>121</v>
      </c>
      <c r="P23" s="491" t="s">
        <v>121</v>
      </c>
      <c r="Q23" s="491" t="s">
        <v>120</v>
      </c>
      <c r="R23" s="491" t="s">
        <v>120</v>
      </c>
      <c r="S23" s="491" t="s">
        <v>121</v>
      </c>
      <c r="T23" s="265" t="s">
        <v>2730</v>
      </c>
      <c r="U23" s="265" t="s">
        <v>2738</v>
      </c>
      <c r="V23" s="491"/>
      <c r="W23" s="491"/>
      <c r="X23" s="491"/>
    </row>
    <row r="24" spans="1:24" ht="36.6" customHeight="1">
      <c r="A24" s="473" t="s">
        <v>2629</v>
      </c>
      <c r="B24" s="473" t="s">
        <v>2735</v>
      </c>
      <c r="C24" s="391"/>
      <c r="D24" s="732"/>
      <c r="E24" s="705" t="s">
        <v>89</v>
      </c>
      <c r="F24" s="482" t="s">
        <v>824</v>
      </c>
      <c r="G24" s="485"/>
      <c r="H24" s="483"/>
      <c r="I24" s="491" t="s">
        <v>2014</v>
      </c>
      <c r="J24" s="491" t="s">
        <v>1959</v>
      </c>
      <c r="K24" s="491" t="s">
        <v>119</v>
      </c>
      <c r="L24" s="273" t="s">
        <v>1921</v>
      </c>
      <c r="M24" s="491" t="s">
        <v>121</v>
      </c>
      <c r="N24" s="491" t="s">
        <v>121</v>
      </c>
      <c r="O24" s="491" t="s">
        <v>121</v>
      </c>
      <c r="P24" s="491" t="s">
        <v>121</v>
      </c>
      <c r="Q24" s="491" t="s">
        <v>120</v>
      </c>
      <c r="R24" s="491" t="s">
        <v>120</v>
      </c>
      <c r="S24" s="491" t="s">
        <v>121</v>
      </c>
      <c r="T24" s="265" t="s">
        <v>2730</v>
      </c>
      <c r="U24" s="265" t="s">
        <v>2738</v>
      </c>
      <c r="V24" s="491"/>
      <c r="W24" s="491"/>
      <c r="X24" s="491"/>
    </row>
    <row r="25" spans="1:24" ht="36.6" customHeight="1">
      <c r="A25" s="473" t="s">
        <v>2630</v>
      </c>
      <c r="B25" s="473" t="s">
        <v>2736</v>
      </c>
      <c r="C25" s="404"/>
      <c r="D25" s="731" t="s">
        <v>2810</v>
      </c>
      <c r="E25" s="705" t="s">
        <v>89</v>
      </c>
      <c r="F25" s="482" t="s">
        <v>824</v>
      </c>
      <c r="G25" s="485"/>
      <c r="H25" s="483"/>
      <c r="I25" s="491" t="s">
        <v>2014</v>
      </c>
      <c r="J25" s="491" t="s">
        <v>1959</v>
      </c>
      <c r="K25" s="491" t="s">
        <v>119</v>
      </c>
      <c r="L25" s="273" t="s">
        <v>1933</v>
      </c>
      <c r="M25" s="491" t="s">
        <v>121</v>
      </c>
      <c r="N25" s="491" t="s">
        <v>121</v>
      </c>
      <c r="O25" s="491" t="s">
        <v>121</v>
      </c>
      <c r="P25" s="491" t="s">
        <v>120</v>
      </c>
      <c r="Q25" s="491" t="s">
        <v>126</v>
      </c>
      <c r="R25" s="491" t="s">
        <v>126</v>
      </c>
      <c r="S25" s="491" t="s">
        <v>120</v>
      </c>
      <c r="T25" s="265" t="s">
        <v>2015</v>
      </c>
      <c r="U25" s="265" t="s">
        <v>2739</v>
      </c>
      <c r="V25" s="491"/>
      <c r="W25" s="491"/>
      <c r="X25" s="491"/>
    </row>
    <row r="26" spans="1:24" ht="36.6" customHeight="1">
      <c r="A26" s="473" t="s">
        <v>2631</v>
      </c>
      <c r="B26" s="473" t="s">
        <v>2737</v>
      </c>
      <c r="C26" s="391"/>
      <c r="D26" s="732"/>
      <c r="E26" s="705" t="s">
        <v>89</v>
      </c>
      <c r="F26" s="482" t="s">
        <v>824</v>
      </c>
      <c r="G26" s="485"/>
      <c r="H26" s="483"/>
      <c r="I26" s="491" t="s">
        <v>2014</v>
      </c>
      <c r="J26" s="491" t="s">
        <v>1959</v>
      </c>
      <c r="K26" s="491" t="s">
        <v>119</v>
      </c>
      <c r="L26" s="273" t="s">
        <v>1921</v>
      </c>
      <c r="M26" s="491" t="s">
        <v>121</v>
      </c>
      <c r="N26" s="491" t="s">
        <v>121</v>
      </c>
      <c r="O26" s="491" t="s">
        <v>121</v>
      </c>
      <c r="P26" s="491" t="s">
        <v>120</v>
      </c>
      <c r="Q26" s="491" t="s">
        <v>126</v>
      </c>
      <c r="R26" s="491" t="s">
        <v>126</v>
      </c>
      <c r="S26" s="491" t="s">
        <v>120</v>
      </c>
      <c r="T26" s="265" t="s">
        <v>2015</v>
      </c>
      <c r="U26" s="265" t="s">
        <v>2739</v>
      </c>
      <c r="V26" s="491"/>
      <c r="W26" s="491"/>
      <c r="X26" s="491"/>
    </row>
    <row r="27" spans="1:24" ht="36.6" customHeight="1">
      <c r="A27" s="473" t="s">
        <v>2632</v>
      </c>
      <c r="B27" s="473" t="s">
        <v>2732</v>
      </c>
      <c r="C27" s="404"/>
      <c r="D27" s="731" t="s">
        <v>2811</v>
      </c>
      <c r="E27" s="705" t="s">
        <v>89</v>
      </c>
      <c r="F27" s="482" t="s">
        <v>824</v>
      </c>
      <c r="G27" s="485"/>
      <c r="H27" s="483"/>
      <c r="I27" s="491" t="s">
        <v>2014</v>
      </c>
      <c r="J27" s="491" t="s">
        <v>1959</v>
      </c>
      <c r="K27" s="491" t="s">
        <v>119</v>
      </c>
      <c r="L27" s="273" t="s">
        <v>1933</v>
      </c>
      <c r="M27" s="491" t="s">
        <v>121</v>
      </c>
      <c r="N27" s="491" t="s">
        <v>121</v>
      </c>
      <c r="O27" s="491" t="s">
        <v>121</v>
      </c>
      <c r="P27" s="491" t="s">
        <v>121</v>
      </c>
      <c r="Q27" s="491" t="s">
        <v>120</v>
      </c>
      <c r="R27" s="491" t="s">
        <v>120</v>
      </c>
      <c r="S27" s="491" t="s">
        <v>120</v>
      </c>
      <c r="T27" s="265" t="s">
        <v>2015</v>
      </c>
      <c r="U27" s="265" t="s">
        <v>2731</v>
      </c>
      <c r="V27" s="491"/>
      <c r="W27" s="491"/>
      <c r="X27" s="491"/>
    </row>
    <row r="28" spans="1:24" ht="36.6" customHeight="1">
      <c r="A28" s="473" t="s">
        <v>2633</v>
      </c>
      <c r="B28" s="473" t="s">
        <v>2733</v>
      </c>
      <c r="C28" s="391"/>
      <c r="D28" s="732"/>
      <c r="E28" s="705" t="s">
        <v>89</v>
      </c>
      <c r="F28" s="482" t="s">
        <v>824</v>
      </c>
      <c r="G28" s="485"/>
      <c r="H28" s="483"/>
      <c r="I28" s="491" t="s">
        <v>2014</v>
      </c>
      <c r="J28" s="491" t="s">
        <v>1959</v>
      </c>
      <c r="K28" s="491" t="s">
        <v>119</v>
      </c>
      <c r="L28" s="273" t="s">
        <v>1921</v>
      </c>
      <c r="M28" s="491" t="s">
        <v>121</v>
      </c>
      <c r="N28" s="491" t="s">
        <v>121</v>
      </c>
      <c r="O28" s="491" t="s">
        <v>121</v>
      </c>
      <c r="P28" s="491" t="s">
        <v>121</v>
      </c>
      <c r="Q28" s="491" t="s">
        <v>120</v>
      </c>
      <c r="R28" s="491" t="s">
        <v>120</v>
      </c>
      <c r="S28" s="491" t="s">
        <v>120</v>
      </c>
      <c r="T28" s="265" t="s">
        <v>2015</v>
      </c>
      <c r="U28" s="265" t="s">
        <v>2731</v>
      </c>
      <c r="V28" s="491"/>
      <c r="W28" s="491"/>
      <c r="X28" s="491"/>
    </row>
    <row r="29" spans="1:24" ht="36.6" customHeight="1">
      <c r="A29" s="273" t="s">
        <v>899</v>
      </c>
      <c r="B29" s="273" t="s">
        <v>901</v>
      </c>
      <c r="C29" s="239"/>
      <c r="D29" s="733" t="s">
        <v>2833</v>
      </c>
      <c r="E29" s="705" t="s">
        <v>89</v>
      </c>
      <c r="F29" s="482"/>
      <c r="G29" s="485"/>
      <c r="H29" s="483"/>
      <c r="I29" s="491" t="s">
        <v>1920</v>
      </c>
      <c r="J29" s="491" t="s">
        <v>1959</v>
      </c>
      <c r="K29" s="491" t="s">
        <v>119</v>
      </c>
      <c r="L29" s="273" t="s">
        <v>1933</v>
      </c>
      <c r="M29" s="491" t="s">
        <v>121</v>
      </c>
      <c r="N29" s="491" t="s">
        <v>121</v>
      </c>
      <c r="O29" s="491" t="s">
        <v>121</v>
      </c>
      <c r="P29" s="491" t="s">
        <v>121</v>
      </c>
      <c r="Q29" s="491" t="s">
        <v>120</v>
      </c>
      <c r="R29" s="491" t="s">
        <v>120</v>
      </c>
      <c r="S29" s="491" t="s">
        <v>121</v>
      </c>
      <c r="T29" s="265" t="s">
        <v>1941</v>
      </c>
      <c r="U29" s="265" t="s">
        <v>1966</v>
      </c>
      <c r="V29" s="491" t="s">
        <v>1967</v>
      </c>
      <c r="W29" s="491" t="s">
        <v>1968</v>
      </c>
      <c r="X29" s="491" t="s">
        <v>1922</v>
      </c>
    </row>
    <row r="30" spans="1:24" ht="36.6" customHeight="1">
      <c r="A30" s="273" t="s">
        <v>900</v>
      </c>
      <c r="B30" s="273" t="s">
        <v>902</v>
      </c>
      <c r="C30" s="240"/>
      <c r="D30" s="734"/>
      <c r="E30" s="705" t="s">
        <v>89</v>
      </c>
      <c r="F30" s="482"/>
      <c r="G30" s="485"/>
      <c r="H30" s="483"/>
      <c r="I30" s="491" t="s">
        <v>1920</v>
      </c>
      <c r="J30" s="491" t="s">
        <v>1959</v>
      </c>
      <c r="K30" s="491" t="s">
        <v>119</v>
      </c>
      <c r="L30" s="273" t="s">
        <v>1921</v>
      </c>
      <c r="M30" s="491" t="s">
        <v>121</v>
      </c>
      <c r="N30" s="491" t="s">
        <v>121</v>
      </c>
      <c r="O30" s="491" t="s">
        <v>121</v>
      </c>
      <c r="P30" s="491" t="s">
        <v>121</v>
      </c>
      <c r="Q30" s="491" t="s">
        <v>120</v>
      </c>
      <c r="R30" s="491" t="s">
        <v>120</v>
      </c>
      <c r="S30" s="491" t="s">
        <v>121</v>
      </c>
      <c r="T30" s="265" t="s">
        <v>1941</v>
      </c>
      <c r="U30" s="265" t="s">
        <v>1966</v>
      </c>
      <c r="V30" s="491" t="s">
        <v>1969</v>
      </c>
      <c r="W30" s="491" t="s">
        <v>1970</v>
      </c>
      <c r="X30" s="491" t="s">
        <v>1922</v>
      </c>
    </row>
    <row r="31" spans="1:24" ht="36.6" customHeight="1">
      <c r="A31" s="273" t="s">
        <v>1001</v>
      </c>
      <c r="B31" s="273" t="s">
        <v>1002</v>
      </c>
      <c r="C31" s="288"/>
      <c r="D31" s="749" t="s">
        <v>2834</v>
      </c>
      <c r="E31" s="705" t="s">
        <v>89</v>
      </c>
      <c r="F31" s="482" t="s">
        <v>926</v>
      </c>
      <c r="G31" s="496"/>
      <c r="H31" s="483"/>
      <c r="I31" s="491" t="s">
        <v>1920</v>
      </c>
      <c r="J31" s="491" t="s">
        <v>1959</v>
      </c>
      <c r="K31" s="491" t="s">
        <v>119</v>
      </c>
      <c r="L31" s="273" t="s">
        <v>1921</v>
      </c>
      <c r="M31" s="491" t="s">
        <v>121</v>
      </c>
      <c r="N31" s="491" t="s">
        <v>121</v>
      </c>
      <c r="O31" s="491" t="s">
        <v>121</v>
      </c>
      <c r="P31" s="491" t="s">
        <v>121</v>
      </c>
      <c r="Q31" s="491" t="s">
        <v>120</v>
      </c>
      <c r="R31" s="491" t="s">
        <v>126</v>
      </c>
      <c r="S31" s="491" t="s">
        <v>121</v>
      </c>
      <c r="T31" s="265" t="s">
        <v>1941</v>
      </c>
      <c r="U31" s="265" t="s">
        <v>1971</v>
      </c>
      <c r="V31" s="491" t="s">
        <v>1972</v>
      </c>
      <c r="W31" s="491" t="s">
        <v>1973</v>
      </c>
      <c r="X31" s="491" t="s">
        <v>1922</v>
      </c>
    </row>
    <row r="32" spans="1:24" ht="36.6" customHeight="1">
      <c r="A32" s="273" t="s">
        <v>1003</v>
      </c>
      <c r="B32" s="273" t="s">
        <v>1004</v>
      </c>
      <c r="C32" s="289"/>
      <c r="D32" s="732"/>
      <c r="E32" s="705" t="s">
        <v>89</v>
      </c>
      <c r="F32" s="482" t="s">
        <v>926</v>
      </c>
      <c r="G32" s="496"/>
      <c r="H32" s="483"/>
      <c r="I32" s="491" t="s">
        <v>1920</v>
      </c>
      <c r="J32" s="491" t="s">
        <v>1959</v>
      </c>
      <c r="K32" s="491" t="s">
        <v>119</v>
      </c>
      <c r="L32" s="273" t="s">
        <v>1923</v>
      </c>
      <c r="M32" s="491" t="s">
        <v>121</v>
      </c>
      <c r="N32" s="491" t="s">
        <v>121</v>
      </c>
      <c r="O32" s="491" t="s">
        <v>121</v>
      </c>
      <c r="P32" s="491" t="s">
        <v>121</v>
      </c>
      <c r="Q32" s="491" t="s">
        <v>120</v>
      </c>
      <c r="R32" s="491" t="s">
        <v>126</v>
      </c>
      <c r="S32" s="491" t="s">
        <v>121</v>
      </c>
      <c r="T32" s="265" t="s">
        <v>1941</v>
      </c>
      <c r="U32" s="265" t="s">
        <v>1971</v>
      </c>
      <c r="V32" s="491" t="s">
        <v>1974</v>
      </c>
      <c r="W32" s="491" t="s">
        <v>1975</v>
      </c>
      <c r="X32" s="491" t="s">
        <v>1922</v>
      </c>
    </row>
    <row r="33" spans="1:24" ht="36.6" customHeight="1">
      <c r="A33" s="273" t="s">
        <v>1870</v>
      </c>
      <c r="B33" s="273" t="s">
        <v>1872</v>
      </c>
      <c r="C33" s="459"/>
      <c r="D33" s="731" t="s">
        <v>2835</v>
      </c>
      <c r="E33" s="705" t="s">
        <v>89</v>
      </c>
      <c r="F33" s="482" t="s">
        <v>926</v>
      </c>
      <c r="G33" s="496"/>
      <c r="H33" s="483"/>
      <c r="I33" s="491" t="s">
        <v>1920</v>
      </c>
      <c r="J33" s="491" t="s">
        <v>1959</v>
      </c>
      <c r="K33" s="491" t="s">
        <v>119</v>
      </c>
      <c r="L33" s="273" t="s">
        <v>1933</v>
      </c>
      <c r="M33" s="491" t="s">
        <v>121</v>
      </c>
      <c r="N33" s="491" t="s">
        <v>121</v>
      </c>
      <c r="O33" s="491" t="s">
        <v>121</v>
      </c>
      <c r="P33" s="491" t="s">
        <v>1939</v>
      </c>
      <c r="Q33" s="491" t="s">
        <v>120</v>
      </c>
      <c r="R33" s="491" t="s">
        <v>120</v>
      </c>
      <c r="S33" s="491" t="s">
        <v>121</v>
      </c>
      <c r="T33" s="265" t="s">
        <v>1940</v>
      </c>
      <c r="U33" s="265" t="s">
        <v>1976</v>
      </c>
      <c r="V33" s="491" t="s">
        <v>1977</v>
      </c>
      <c r="W33" s="491" t="s">
        <v>1978</v>
      </c>
      <c r="X33" s="491" t="s">
        <v>1922</v>
      </c>
    </row>
    <row r="34" spans="1:24" ht="36.6" customHeight="1">
      <c r="A34" s="273" t="s">
        <v>1871</v>
      </c>
      <c r="B34" s="273" t="s">
        <v>1873</v>
      </c>
      <c r="C34" s="458"/>
      <c r="D34" s="732"/>
      <c r="E34" s="705" t="s">
        <v>89</v>
      </c>
      <c r="F34" s="482" t="s">
        <v>926</v>
      </c>
      <c r="G34" s="496"/>
      <c r="H34" s="483"/>
      <c r="I34" s="491" t="s">
        <v>1920</v>
      </c>
      <c r="J34" s="491" t="s">
        <v>1959</v>
      </c>
      <c r="K34" s="491" t="s">
        <v>119</v>
      </c>
      <c r="L34" s="273" t="s">
        <v>1921</v>
      </c>
      <c r="M34" s="491" t="s">
        <v>121</v>
      </c>
      <c r="N34" s="491" t="s">
        <v>121</v>
      </c>
      <c r="O34" s="491" t="s">
        <v>121</v>
      </c>
      <c r="P34" s="491" t="s">
        <v>1939</v>
      </c>
      <c r="Q34" s="491" t="s">
        <v>120</v>
      </c>
      <c r="R34" s="491" t="s">
        <v>120</v>
      </c>
      <c r="S34" s="491" t="s">
        <v>121</v>
      </c>
      <c r="T34" s="265" t="s">
        <v>1979</v>
      </c>
      <c r="U34" s="265" t="s">
        <v>1976</v>
      </c>
      <c r="V34" s="491" t="s">
        <v>1980</v>
      </c>
      <c r="W34" s="491" t="s">
        <v>1981</v>
      </c>
      <c r="X34" s="491" t="s">
        <v>1922</v>
      </c>
    </row>
    <row r="35" spans="1:24" ht="36.6" customHeight="1">
      <c r="A35" s="472" t="s">
        <v>888</v>
      </c>
      <c r="B35" s="472" t="s">
        <v>892</v>
      </c>
      <c r="C35" s="244"/>
      <c r="D35" s="733" t="s">
        <v>2812</v>
      </c>
      <c r="E35" s="705" t="s">
        <v>89</v>
      </c>
      <c r="F35" s="482"/>
      <c r="G35" s="485"/>
      <c r="H35" s="483"/>
      <c r="I35" s="491" t="s">
        <v>1920</v>
      </c>
      <c r="J35" s="491" t="s">
        <v>1959</v>
      </c>
      <c r="K35" s="491" t="s">
        <v>119</v>
      </c>
      <c r="L35" s="273" t="s">
        <v>1933</v>
      </c>
      <c r="M35" s="491" t="s">
        <v>121</v>
      </c>
      <c r="N35" s="491" t="s">
        <v>121</v>
      </c>
      <c r="O35" s="491" t="s">
        <v>121</v>
      </c>
      <c r="P35" s="491" t="s">
        <v>120</v>
      </c>
      <c r="Q35" s="491" t="s">
        <v>126</v>
      </c>
      <c r="R35" s="491" t="s">
        <v>126</v>
      </c>
      <c r="S35" s="491" t="s">
        <v>121</v>
      </c>
      <c r="T35" s="265" t="s">
        <v>2029</v>
      </c>
      <c r="U35" s="265" t="s">
        <v>2030</v>
      </c>
      <c r="V35" s="491" t="s">
        <v>2031</v>
      </c>
      <c r="W35" s="491" t="s">
        <v>2032</v>
      </c>
      <c r="X35" s="491" t="s">
        <v>1922</v>
      </c>
    </row>
    <row r="36" spans="1:24" ht="36.6" customHeight="1">
      <c r="A36" s="472" t="s">
        <v>887</v>
      </c>
      <c r="B36" s="472" t="s">
        <v>891</v>
      </c>
      <c r="C36" s="235"/>
      <c r="D36" s="734"/>
      <c r="E36" s="705" t="s">
        <v>89</v>
      </c>
      <c r="F36" s="482"/>
      <c r="G36" s="485"/>
      <c r="H36" s="483"/>
      <c r="I36" s="491" t="s">
        <v>1920</v>
      </c>
      <c r="J36" s="491" t="s">
        <v>1959</v>
      </c>
      <c r="K36" s="491" t="s">
        <v>119</v>
      </c>
      <c r="L36" s="273" t="s">
        <v>1921</v>
      </c>
      <c r="M36" s="491" t="s">
        <v>121</v>
      </c>
      <c r="N36" s="491" t="s">
        <v>121</v>
      </c>
      <c r="O36" s="491" t="s">
        <v>121</v>
      </c>
      <c r="P36" s="491" t="s">
        <v>120</v>
      </c>
      <c r="Q36" s="491" t="s">
        <v>126</v>
      </c>
      <c r="R36" s="491" t="s">
        <v>126</v>
      </c>
      <c r="S36" s="491" t="s">
        <v>121</v>
      </c>
      <c r="T36" s="265" t="s">
        <v>2029</v>
      </c>
      <c r="U36" s="265" t="s">
        <v>2030</v>
      </c>
      <c r="V36" s="491" t="s">
        <v>2033</v>
      </c>
      <c r="W36" s="491" t="s">
        <v>2034</v>
      </c>
      <c r="X36" s="491" t="s">
        <v>1922</v>
      </c>
    </row>
    <row r="37" spans="1:24" ht="36.6" customHeight="1">
      <c r="A37" s="472" t="s">
        <v>889</v>
      </c>
      <c r="B37" s="472" t="s">
        <v>893</v>
      </c>
      <c r="C37" s="244"/>
      <c r="D37" s="733" t="s">
        <v>2813</v>
      </c>
      <c r="E37" s="705" t="s">
        <v>89</v>
      </c>
      <c r="F37" s="482"/>
      <c r="G37" s="485"/>
      <c r="H37" s="483"/>
      <c r="I37" s="491" t="s">
        <v>1920</v>
      </c>
      <c r="J37" s="491" t="s">
        <v>1959</v>
      </c>
      <c r="K37" s="491" t="s">
        <v>119</v>
      </c>
      <c r="L37" s="273" t="s">
        <v>1933</v>
      </c>
      <c r="M37" s="491" t="s">
        <v>121</v>
      </c>
      <c r="N37" s="491" t="s">
        <v>121</v>
      </c>
      <c r="O37" s="491" t="s">
        <v>121</v>
      </c>
      <c r="P37" s="491" t="s">
        <v>121</v>
      </c>
      <c r="Q37" s="491" t="s">
        <v>120</v>
      </c>
      <c r="R37" s="491" t="s">
        <v>120</v>
      </c>
      <c r="S37" s="491" t="s">
        <v>120</v>
      </c>
      <c r="T37" s="265" t="s">
        <v>2039</v>
      </c>
      <c r="U37" s="265" t="s">
        <v>2040</v>
      </c>
      <c r="V37" s="491" t="s">
        <v>2041</v>
      </c>
      <c r="W37" s="491" t="s">
        <v>2042</v>
      </c>
      <c r="X37" s="491" t="s">
        <v>1922</v>
      </c>
    </row>
    <row r="38" spans="1:24" ht="36.6" customHeight="1">
      <c r="A38" s="472" t="s">
        <v>890</v>
      </c>
      <c r="B38" s="472" t="s">
        <v>894</v>
      </c>
      <c r="C38" s="460"/>
      <c r="D38" s="734"/>
      <c r="E38" s="705" t="s">
        <v>89</v>
      </c>
      <c r="F38" s="482"/>
      <c r="G38" s="485"/>
      <c r="H38" s="483"/>
      <c r="I38" s="491" t="s">
        <v>1920</v>
      </c>
      <c r="J38" s="491" t="s">
        <v>1959</v>
      </c>
      <c r="K38" s="491" t="s">
        <v>119</v>
      </c>
      <c r="L38" s="273" t="s">
        <v>1921</v>
      </c>
      <c r="M38" s="491" t="s">
        <v>121</v>
      </c>
      <c r="N38" s="491" t="s">
        <v>121</v>
      </c>
      <c r="O38" s="491" t="s">
        <v>121</v>
      </c>
      <c r="P38" s="491" t="s">
        <v>121</v>
      </c>
      <c r="Q38" s="491" t="s">
        <v>120</v>
      </c>
      <c r="R38" s="491" t="s">
        <v>120</v>
      </c>
      <c r="S38" s="491" t="s">
        <v>120</v>
      </c>
      <c r="T38" s="265" t="s">
        <v>2039</v>
      </c>
      <c r="U38" s="265" t="s">
        <v>2040</v>
      </c>
      <c r="V38" s="491" t="s">
        <v>2043</v>
      </c>
      <c r="W38" s="491" t="s">
        <v>2044</v>
      </c>
      <c r="X38" s="491" t="s">
        <v>1922</v>
      </c>
    </row>
    <row r="39" spans="1:24" ht="36.6" customHeight="1">
      <c r="A39" s="472" t="s">
        <v>1874</v>
      </c>
      <c r="B39" s="472" t="s">
        <v>1876</v>
      </c>
      <c r="C39" s="244"/>
      <c r="D39" s="750" t="s">
        <v>2814</v>
      </c>
      <c r="E39" s="705" t="s">
        <v>89</v>
      </c>
      <c r="F39" s="482" t="s">
        <v>824</v>
      </c>
      <c r="G39" s="485"/>
      <c r="H39" s="483"/>
      <c r="I39" s="491" t="s">
        <v>1920</v>
      </c>
      <c r="J39" s="491" t="s">
        <v>1959</v>
      </c>
      <c r="K39" s="491" t="s">
        <v>119</v>
      </c>
      <c r="L39" s="273" t="s">
        <v>1933</v>
      </c>
      <c r="M39" s="491" t="s">
        <v>121</v>
      </c>
      <c r="N39" s="491" t="s">
        <v>121</v>
      </c>
      <c r="O39" s="491" t="s">
        <v>121</v>
      </c>
      <c r="P39" s="491" t="s">
        <v>1939</v>
      </c>
      <c r="Q39" s="491" t="s">
        <v>120</v>
      </c>
      <c r="R39" s="491" t="s">
        <v>120</v>
      </c>
      <c r="S39" s="491" t="s">
        <v>120</v>
      </c>
      <c r="T39" s="265" t="s">
        <v>1979</v>
      </c>
      <c r="U39" s="265" t="s">
        <v>1976</v>
      </c>
      <c r="V39" s="491" t="s">
        <v>2045</v>
      </c>
      <c r="W39" s="491" t="s">
        <v>2046</v>
      </c>
      <c r="X39" s="491" t="s">
        <v>1922</v>
      </c>
    </row>
    <row r="40" spans="1:24" ht="36.6" customHeight="1">
      <c r="A40" s="472" t="s">
        <v>1875</v>
      </c>
      <c r="B40" s="472" t="s">
        <v>1877</v>
      </c>
      <c r="C40" s="460"/>
      <c r="D40" s="741"/>
      <c r="E40" s="705" t="s">
        <v>89</v>
      </c>
      <c r="F40" s="482" t="s">
        <v>824</v>
      </c>
      <c r="G40" s="485"/>
      <c r="H40" s="483"/>
      <c r="I40" s="491" t="s">
        <v>1920</v>
      </c>
      <c r="J40" s="491" t="s">
        <v>1959</v>
      </c>
      <c r="K40" s="491" t="s">
        <v>119</v>
      </c>
      <c r="L40" s="273" t="s">
        <v>1921</v>
      </c>
      <c r="M40" s="491" t="s">
        <v>121</v>
      </c>
      <c r="N40" s="491" t="s">
        <v>121</v>
      </c>
      <c r="O40" s="491" t="s">
        <v>121</v>
      </c>
      <c r="P40" s="491" t="s">
        <v>1939</v>
      </c>
      <c r="Q40" s="491" t="s">
        <v>120</v>
      </c>
      <c r="R40" s="491" t="s">
        <v>120</v>
      </c>
      <c r="S40" s="491" t="s">
        <v>120</v>
      </c>
      <c r="T40" s="265" t="s">
        <v>1979</v>
      </c>
      <c r="U40" s="265" t="s">
        <v>1976</v>
      </c>
      <c r="V40" s="491" t="s">
        <v>2047</v>
      </c>
      <c r="W40" s="491" t="s">
        <v>2048</v>
      </c>
      <c r="X40" s="491" t="s">
        <v>1922</v>
      </c>
    </row>
    <row r="41" spans="1:24" ht="36.6" customHeight="1">
      <c r="A41" s="273" t="s">
        <v>918</v>
      </c>
      <c r="B41" s="273" t="s">
        <v>914</v>
      </c>
      <c r="C41" s="638" t="s">
        <v>2627</v>
      </c>
      <c r="D41" s="733" t="s">
        <v>2836</v>
      </c>
      <c r="E41" s="705" t="s">
        <v>89</v>
      </c>
      <c r="F41" s="482"/>
      <c r="G41" s="486" t="s">
        <v>911</v>
      </c>
      <c r="H41" s="483"/>
      <c r="I41" s="491" t="s">
        <v>1949</v>
      </c>
      <c r="J41" s="491" t="s">
        <v>1959</v>
      </c>
      <c r="K41" s="491" t="s">
        <v>119</v>
      </c>
      <c r="L41" s="273" t="s">
        <v>1950</v>
      </c>
      <c r="M41" s="491" t="s">
        <v>121</v>
      </c>
      <c r="N41" s="491" t="s">
        <v>121</v>
      </c>
      <c r="O41" s="491" t="s">
        <v>121</v>
      </c>
      <c r="P41" s="491" t="s">
        <v>120</v>
      </c>
      <c r="Q41" s="491" t="s">
        <v>126</v>
      </c>
      <c r="R41" s="491" t="s">
        <v>126</v>
      </c>
      <c r="S41" s="491" t="s">
        <v>120</v>
      </c>
      <c r="T41" s="265" t="s">
        <v>1982</v>
      </c>
      <c r="U41" s="265" t="s">
        <v>1983</v>
      </c>
      <c r="V41" s="491" t="s">
        <v>1984</v>
      </c>
      <c r="W41" s="491" t="s">
        <v>1985</v>
      </c>
      <c r="X41" s="491" t="s">
        <v>1922</v>
      </c>
    </row>
    <row r="42" spans="1:24" ht="36.6" customHeight="1">
      <c r="A42" s="273" t="s">
        <v>919</v>
      </c>
      <c r="B42" s="273" t="s">
        <v>915</v>
      </c>
      <c r="C42" s="240"/>
      <c r="D42" s="734"/>
      <c r="E42" s="705" t="s">
        <v>89</v>
      </c>
      <c r="F42" s="482"/>
      <c r="G42" s="486" t="s">
        <v>911</v>
      </c>
      <c r="H42" s="483"/>
      <c r="I42" s="491" t="s">
        <v>1949</v>
      </c>
      <c r="J42" s="491" t="s">
        <v>1959</v>
      </c>
      <c r="K42" s="491" t="s">
        <v>119</v>
      </c>
      <c r="L42" s="273" t="s">
        <v>1986</v>
      </c>
      <c r="M42" s="491" t="s">
        <v>121</v>
      </c>
      <c r="N42" s="491" t="s">
        <v>121</v>
      </c>
      <c r="O42" s="491" t="s">
        <v>121</v>
      </c>
      <c r="P42" s="491" t="s">
        <v>120</v>
      </c>
      <c r="Q42" s="491" t="s">
        <v>126</v>
      </c>
      <c r="R42" s="491" t="s">
        <v>126</v>
      </c>
      <c r="S42" s="491" t="s">
        <v>120</v>
      </c>
      <c r="T42" s="265" t="s">
        <v>1982</v>
      </c>
      <c r="U42" s="265" t="s">
        <v>1987</v>
      </c>
      <c r="V42" s="491" t="s">
        <v>1988</v>
      </c>
      <c r="W42" s="491" t="s">
        <v>1989</v>
      </c>
      <c r="X42" s="491" t="s">
        <v>1922</v>
      </c>
    </row>
    <row r="43" spans="1:24" ht="36.6" customHeight="1">
      <c r="A43" s="474" t="s">
        <v>920</v>
      </c>
      <c r="B43" s="273" t="s">
        <v>916</v>
      </c>
      <c r="C43" s="747" t="s">
        <v>2627</v>
      </c>
      <c r="D43" s="733" t="s">
        <v>2815</v>
      </c>
      <c r="E43" s="705" t="s">
        <v>89</v>
      </c>
      <c r="F43" s="482"/>
      <c r="G43" s="486" t="s">
        <v>911</v>
      </c>
      <c r="H43" s="483"/>
      <c r="I43" s="491" t="s">
        <v>1949</v>
      </c>
      <c r="J43" s="491" t="s">
        <v>1959</v>
      </c>
      <c r="K43" s="491" t="s">
        <v>119</v>
      </c>
      <c r="L43" s="273" t="s">
        <v>2006</v>
      </c>
      <c r="M43" s="491" t="s">
        <v>121</v>
      </c>
      <c r="N43" s="491" t="s">
        <v>121</v>
      </c>
      <c r="O43" s="491" t="s">
        <v>121</v>
      </c>
      <c r="P43" s="491" t="s">
        <v>121</v>
      </c>
      <c r="Q43" s="491" t="s">
        <v>120</v>
      </c>
      <c r="R43" s="491" t="s">
        <v>120</v>
      </c>
      <c r="S43" s="491" t="s">
        <v>120</v>
      </c>
      <c r="T43" s="265" t="s">
        <v>2007</v>
      </c>
      <c r="U43" s="265" t="s">
        <v>2049</v>
      </c>
      <c r="V43" s="491" t="s">
        <v>2050</v>
      </c>
      <c r="W43" s="491" t="s">
        <v>2051</v>
      </c>
      <c r="X43" s="491" t="s">
        <v>1922</v>
      </c>
    </row>
    <row r="44" spans="1:24" ht="36.6" customHeight="1">
      <c r="A44" s="474" t="s">
        <v>921</v>
      </c>
      <c r="B44" s="273" t="s">
        <v>917</v>
      </c>
      <c r="C44" s="748"/>
      <c r="D44" s="734"/>
      <c r="E44" s="705" t="s">
        <v>89</v>
      </c>
      <c r="F44" s="482"/>
      <c r="G44" s="486" t="s">
        <v>911</v>
      </c>
      <c r="H44" s="483"/>
      <c r="I44" s="491" t="s">
        <v>1949</v>
      </c>
      <c r="J44" s="491" t="s">
        <v>1959</v>
      </c>
      <c r="K44" s="491" t="s">
        <v>119</v>
      </c>
      <c r="L44" s="273" t="s">
        <v>1950</v>
      </c>
      <c r="M44" s="491" t="s">
        <v>121</v>
      </c>
      <c r="N44" s="491" t="s">
        <v>121</v>
      </c>
      <c r="O44" s="491" t="s">
        <v>121</v>
      </c>
      <c r="P44" s="491" t="s">
        <v>121</v>
      </c>
      <c r="Q44" s="491" t="s">
        <v>120</v>
      </c>
      <c r="R44" s="491" t="s">
        <v>120</v>
      </c>
      <c r="S44" s="491" t="s">
        <v>120</v>
      </c>
      <c r="T44" s="265" t="s">
        <v>2007</v>
      </c>
      <c r="U44" s="265" t="s">
        <v>2052</v>
      </c>
      <c r="V44" s="491" t="s">
        <v>2053</v>
      </c>
      <c r="W44" s="491" t="s">
        <v>2054</v>
      </c>
      <c r="X44" s="491" t="s">
        <v>1922</v>
      </c>
    </row>
    <row r="45" spans="1:24" s="7" customFormat="1">
      <c r="A45" s="263"/>
      <c r="B45" s="479" t="s">
        <v>2616</v>
      </c>
      <c r="C45" s="64"/>
      <c r="D45" s="229"/>
      <c r="E45" s="704"/>
      <c r="F45" s="522"/>
      <c r="G45" s="522"/>
      <c r="H45" s="58"/>
      <c r="I45" s="58"/>
      <c r="J45" s="58"/>
      <c r="K45" s="58"/>
      <c r="L45" s="517"/>
      <c r="M45" s="58"/>
      <c r="N45" s="58"/>
      <c r="O45" s="58"/>
      <c r="P45" s="58"/>
      <c r="Q45" s="58"/>
      <c r="R45" s="58"/>
      <c r="S45" s="58"/>
      <c r="T45" s="511"/>
      <c r="U45" s="511"/>
      <c r="V45" s="58"/>
      <c r="W45" s="58"/>
      <c r="X45" s="58"/>
    </row>
    <row r="46" spans="1:24" ht="36.6" customHeight="1">
      <c r="A46" s="273" t="s">
        <v>2634</v>
      </c>
      <c r="B46" s="273" t="s">
        <v>2740</v>
      </c>
      <c r="C46" s="634"/>
      <c r="D46" s="740" t="s">
        <v>2816</v>
      </c>
      <c r="E46" s="705" t="s">
        <v>89</v>
      </c>
      <c r="F46" s="482" t="s">
        <v>824</v>
      </c>
      <c r="G46" s="485"/>
      <c r="H46" s="483"/>
      <c r="I46" s="491" t="s">
        <v>2014</v>
      </c>
      <c r="J46" s="491" t="s">
        <v>125</v>
      </c>
      <c r="K46" s="491" t="s">
        <v>119</v>
      </c>
      <c r="L46" s="273" t="s">
        <v>1933</v>
      </c>
      <c r="M46" s="491" t="s">
        <v>121</v>
      </c>
      <c r="N46" s="491" t="s">
        <v>121</v>
      </c>
      <c r="O46" s="491" t="s">
        <v>121</v>
      </c>
      <c r="P46" s="491" t="s">
        <v>120</v>
      </c>
      <c r="Q46" s="491" t="s">
        <v>126</v>
      </c>
      <c r="R46" s="491" t="s">
        <v>126</v>
      </c>
      <c r="S46" s="491" t="s">
        <v>120</v>
      </c>
      <c r="T46" s="265" t="s">
        <v>2015</v>
      </c>
      <c r="U46" s="265" t="s">
        <v>2744</v>
      </c>
      <c r="V46" s="491"/>
      <c r="W46" s="491"/>
      <c r="X46" s="491"/>
    </row>
    <row r="47" spans="1:24" ht="36.6" customHeight="1">
      <c r="A47" s="273" t="s">
        <v>2635</v>
      </c>
      <c r="B47" s="273" t="s">
        <v>2741</v>
      </c>
      <c r="C47" s="639"/>
      <c r="D47" s="741"/>
      <c r="E47" s="705" t="s">
        <v>89</v>
      </c>
      <c r="F47" s="482" t="s">
        <v>824</v>
      </c>
      <c r="G47" s="485"/>
      <c r="H47" s="483"/>
      <c r="I47" s="491" t="s">
        <v>2014</v>
      </c>
      <c r="J47" s="491" t="s">
        <v>125</v>
      </c>
      <c r="K47" s="491" t="s">
        <v>119</v>
      </c>
      <c r="L47" s="273" t="s">
        <v>1921</v>
      </c>
      <c r="M47" s="491" t="s">
        <v>121</v>
      </c>
      <c r="N47" s="491" t="s">
        <v>121</v>
      </c>
      <c r="O47" s="491" t="s">
        <v>121</v>
      </c>
      <c r="P47" s="491" t="s">
        <v>120</v>
      </c>
      <c r="Q47" s="491" t="s">
        <v>126</v>
      </c>
      <c r="R47" s="491" t="s">
        <v>126</v>
      </c>
      <c r="S47" s="491" t="s">
        <v>120</v>
      </c>
      <c r="T47" s="265" t="s">
        <v>2015</v>
      </c>
      <c r="U47" s="265" t="s">
        <v>2744</v>
      </c>
      <c r="V47" s="491"/>
      <c r="W47" s="491"/>
      <c r="X47" s="491"/>
    </row>
    <row r="48" spans="1:24" ht="36.6" customHeight="1">
      <c r="A48" s="273" t="s">
        <v>2636</v>
      </c>
      <c r="B48" s="273" t="s">
        <v>2742</v>
      </c>
      <c r="C48" s="634"/>
      <c r="D48" s="740" t="s">
        <v>2817</v>
      </c>
      <c r="E48" s="705" t="s">
        <v>89</v>
      </c>
      <c r="F48" s="482" t="s">
        <v>824</v>
      </c>
      <c r="G48" s="485"/>
      <c r="H48" s="483"/>
      <c r="I48" s="491" t="s">
        <v>2014</v>
      </c>
      <c r="J48" s="491" t="s">
        <v>125</v>
      </c>
      <c r="K48" s="491" t="s">
        <v>119</v>
      </c>
      <c r="L48" s="273" t="s">
        <v>1933</v>
      </c>
      <c r="M48" s="491" t="s">
        <v>121</v>
      </c>
      <c r="N48" s="491" t="s">
        <v>121</v>
      </c>
      <c r="O48" s="491" t="s">
        <v>121</v>
      </c>
      <c r="P48" s="491" t="s">
        <v>121</v>
      </c>
      <c r="Q48" s="491" t="s">
        <v>120</v>
      </c>
      <c r="R48" s="491" t="s">
        <v>120</v>
      </c>
      <c r="S48" s="491" t="s">
        <v>120</v>
      </c>
      <c r="T48" s="265" t="s">
        <v>2015</v>
      </c>
      <c r="U48" s="265" t="s">
        <v>2745</v>
      </c>
      <c r="V48" s="491"/>
      <c r="W48" s="491"/>
      <c r="X48" s="491"/>
    </row>
    <row r="49" spans="1:24" ht="36.6" customHeight="1">
      <c r="A49" s="273" t="s">
        <v>2637</v>
      </c>
      <c r="B49" s="273" t="s">
        <v>2743</v>
      </c>
      <c r="C49" s="639"/>
      <c r="D49" s="741"/>
      <c r="E49" s="705" t="s">
        <v>89</v>
      </c>
      <c r="F49" s="482" t="s">
        <v>824</v>
      </c>
      <c r="G49" s="485"/>
      <c r="H49" s="483"/>
      <c r="I49" s="491" t="s">
        <v>2014</v>
      </c>
      <c r="J49" s="491" t="s">
        <v>125</v>
      </c>
      <c r="K49" s="491" t="s">
        <v>119</v>
      </c>
      <c r="L49" s="273" t="s">
        <v>1921</v>
      </c>
      <c r="M49" s="491" t="s">
        <v>121</v>
      </c>
      <c r="N49" s="491" t="s">
        <v>121</v>
      </c>
      <c r="O49" s="491" t="s">
        <v>121</v>
      </c>
      <c r="P49" s="491" t="s">
        <v>121</v>
      </c>
      <c r="Q49" s="491" t="s">
        <v>120</v>
      </c>
      <c r="R49" s="491" t="s">
        <v>120</v>
      </c>
      <c r="S49" s="491" t="s">
        <v>120</v>
      </c>
      <c r="T49" s="265" t="s">
        <v>2015</v>
      </c>
      <c r="U49" s="265" t="s">
        <v>2745</v>
      </c>
      <c r="V49" s="491"/>
      <c r="W49" s="491"/>
      <c r="X49" s="491"/>
    </row>
    <row r="50" spans="1:24" ht="36.6" customHeight="1">
      <c r="A50" s="472" t="s">
        <v>998</v>
      </c>
      <c r="B50" s="472" t="s">
        <v>999</v>
      </c>
      <c r="C50" s="298"/>
      <c r="D50" s="742" t="s">
        <v>2818</v>
      </c>
      <c r="E50" s="705" t="s">
        <v>89</v>
      </c>
      <c r="F50" s="482" t="s">
        <v>824</v>
      </c>
      <c r="G50" s="486"/>
      <c r="H50" s="483"/>
      <c r="I50" s="491" t="s">
        <v>1920</v>
      </c>
      <c r="J50" s="491" t="s">
        <v>125</v>
      </c>
      <c r="K50" s="491" t="s">
        <v>119</v>
      </c>
      <c r="L50" s="273" t="s">
        <v>1933</v>
      </c>
      <c r="M50" s="491" t="s">
        <v>121</v>
      </c>
      <c r="N50" s="491" t="s">
        <v>121</v>
      </c>
      <c r="O50" s="491" t="s">
        <v>121</v>
      </c>
      <c r="P50" s="491" t="s">
        <v>121</v>
      </c>
      <c r="Q50" s="491" t="s">
        <v>126</v>
      </c>
      <c r="R50" s="491" t="s">
        <v>126</v>
      </c>
      <c r="S50" s="491" t="s">
        <v>120</v>
      </c>
      <c r="T50" s="265" t="s">
        <v>2055</v>
      </c>
      <c r="U50" s="265" t="s">
        <v>2056</v>
      </c>
      <c r="V50" s="491" t="s">
        <v>2057</v>
      </c>
      <c r="W50" s="491" t="s">
        <v>2058</v>
      </c>
      <c r="X50" s="491" t="s">
        <v>1922</v>
      </c>
    </row>
    <row r="51" spans="1:24" ht="36.6" customHeight="1">
      <c r="A51" s="472" t="s">
        <v>997</v>
      </c>
      <c r="B51" s="472" t="s">
        <v>1000</v>
      </c>
      <c r="C51" s="235"/>
      <c r="D51" s="743"/>
      <c r="E51" s="705" t="s">
        <v>89</v>
      </c>
      <c r="F51" s="482" t="s">
        <v>824</v>
      </c>
      <c r="G51" s="486"/>
      <c r="H51" s="483"/>
      <c r="I51" s="491" t="s">
        <v>1920</v>
      </c>
      <c r="J51" s="491" t="s">
        <v>125</v>
      </c>
      <c r="K51" s="491" t="s">
        <v>119</v>
      </c>
      <c r="L51" s="273" t="s">
        <v>1921</v>
      </c>
      <c r="M51" s="491" t="s">
        <v>121</v>
      </c>
      <c r="N51" s="491" t="s">
        <v>121</v>
      </c>
      <c r="O51" s="491" t="s">
        <v>121</v>
      </c>
      <c r="P51" s="491" t="s">
        <v>121</v>
      </c>
      <c r="Q51" s="491" t="s">
        <v>126</v>
      </c>
      <c r="R51" s="491" t="s">
        <v>126</v>
      </c>
      <c r="S51" s="491" t="s">
        <v>120</v>
      </c>
      <c r="T51" s="265" t="s">
        <v>2059</v>
      </c>
      <c r="U51" s="265" t="s">
        <v>2056</v>
      </c>
      <c r="V51" s="491" t="s">
        <v>2060</v>
      </c>
      <c r="W51" s="491" t="s">
        <v>2061</v>
      </c>
      <c r="X51" s="491" t="s">
        <v>1922</v>
      </c>
    </row>
    <row r="52" spans="1:24" s="42" customFormat="1" ht="45.75" customHeight="1">
      <c r="A52" s="472" t="s">
        <v>895</v>
      </c>
      <c r="B52" s="472" t="s">
        <v>897</v>
      </c>
      <c r="C52" s="244"/>
      <c r="D52" s="733" t="s">
        <v>2819</v>
      </c>
      <c r="E52" s="705" t="s">
        <v>89</v>
      </c>
      <c r="F52" s="482"/>
      <c r="G52" s="482"/>
      <c r="H52" s="483"/>
      <c r="I52" s="491" t="s">
        <v>1920</v>
      </c>
      <c r="J52" s="491" t="s">
        <v>125</v>
      </c>
      <c r="K52" s="491" t="s">
        <v>119</v>
      </c>
      <c r="L52" s="273" t="s">
        <v>1933</v>
      </c>
      <c r="M52" s="491" t="s">
        <v>121</v>
      </c>
      <c r="N52" s="491" t="s">
        <v>121</v>
      </c>
      <c r="O52" s="491" t="s">
        <v>121</v>
      </c>
      <c r="P52" s="491" t="s">
        <v>121</v>
      </c>
      <c r="Q52" s="491" t="s">
        <v>120</v>
      </c>
      <c r="R52" s="491" t="s">
        <v>120</v>
      </c>
      <c r="S52" s="491" t="s">
        <v>120</v>
      </c>
      <c r="T52" s="265" t="s">
        <v>2062</v>
      </c>
      <c r="U52" s="265" t="s">
        <v>2067</v>
      </c>
      <c r="V52" s="491" t="s">
        <v>2063</v>
      </c>
      <c r="W52" s="491" t="s">
        <v>2064</v>
      </c>
      <c r="X52" s="491" t="s">
        <v>1922</v>
      </c>
    </row>
    <row r="53" spans="1:24" s="42" customFormat="1" ht="48" customHeight="1">
      <c r="A53" s="472" t="s">
        <v>896</v>
      </c>
      <c r="B53" s="472" t="s">
        <v>898</v>
      </c>
      <c r="C53" s="244"/>
      <c r="D53" s="734"/>
      <c r="E53" s="705" t="s">
        <v>89</v>
      </c>
      <c r="F53" s="482"/>
      <c r="G53" s="482"/>
      <c r="H53" s="483"/>
      <c r="I53" s="491" t="s">
        <v>1920</v>
      </c>
      <c r="J53" s="491" t="s">
        <v>125</v>
      </c>
      <c r="K53" s="491" t="s">
        <v>119</v>
      </c>
      <c r="L53" s="273" t="s">
        <v>1921</v>
      </c>
      <c r="M53" s="491" t="s">
        <v>121</v>
      </c>
      <c r="N53" s="491" t="s">
        <v>121</v>
      </c>
      <c r="O53" s="491" t="s">
        <v>121</v>
      </c>
      <c r="P53" s="491" t="s">
        <v>121</v>
      </c>
      <c r="Q53" s="491" t="s">
        <v>120</v>
      </c>
      <c r="R53" s="491" t="s">
        <v>120</v>
      </c>
      <c r="S53" s="491" t="s">
        <v>120</v>
      </c>
      <c r="T53" s="265" t="s">
        <v>2062</v>
      </c>
      <c r="U53" s="265" t="s">
        <v>2067</v>
      </c>
      <c r="V53" s="491" t="s">
        <v>2065</v>
      </c>
      <c r="W53" s="491" t="s">
        <v>2066</v>
      </c>
      <c r="X53" s="491" t="s">
        <v>1922</v>
      </c>
    </row>
    <row r="54" spans="1:24" s="42" customFormat="1" ht="45" customHeight="1">
      <c r="A54" s="475" t="s">
        <v>1878</v>
      </c>
      <c r="B54" s="476" t="s">
        <v>1880</v>
      </c>
      <c r="C54" s="298"/>
      <c r="D54" s="746" t="s">
        <v>2820</v>
      </c>
      <c r="E54" s="705" t="s">
        <v>89</v>
      </c>
      <c r="F54" s="482"/>
      <c r="G54" s="485"/>
      <c r="H54" s="483"/>
      <c r="I54" s="491" t="s">
        <v>1920</v>
      </c>
      <c r="J54" s="491" t="s">
        <v>125</v>
      </c>
      <c r="K54" s="491" t="s">
        <v>119</v>
      </c>
      <c r="L54" s="273" t="s">
        <v>1933</v>
      </c>
      <c r="M54" s="491" t="s">
        <v>121</v>
      </c>
      <c r="N54" s="491" t="s">
        <v>121</v>
      </c>
      <c r="O54" s="491" t="s">
        <v>121</v>
      </c>
      <c r="P54" s="491" t="s">
        <v>1939</v>
      </c>
      <c r="Q54" s="491" t="s">
        <v>120</v>
      </c>
      <c r="R54" s="491" t="s">
        <v>120</v>
      </c>
      <c r="S54" s="491" t="s">
        <v>120</v>
      </c>
      <c r="T54" s="265" t="s">
        <v>1990</v>
      </c>
      <c r="U54" s="265" t="s">
        <v>2067</v>
      </c>
      <c r="V54" s="491" t="s">
        <v>2068</v>
      </c>
      <c r="W54" s="491" t="s">
        <v>2069</v>
      </c>
      <c r="X54" s="491" t="s">
        <v>1922</v>
      </c>
    </row>
    <row r="55" spans="1:24" s="42" customFormat="1" ht="39.950000000000003" customHeight="1">
      <c r="A55" s="475" t="s">
        <v>1879</v>
      </c>
      <c r="B55" s="476" t="s">
        <v>1881</v>
      </c>
      <c r="C55" s="235"/>
      <c r="D55" s="743"/>
      <c r="E55" s="705" t="s">
        <v>89</v>
      </c>
      <c r="F55" s="482"/>
      <c r="G55" s="485"/>
      <c r="H55" s="483"/>
      <c r="I55" s="491" t="s">
        <v>1920</v>
      </c>
      <c r="J55" s="491" t="s">
        <v>125</v>
      </c>
      <c r="K55" s="491" t="s">
        <v>119</v>
      </c>
      <c r="L55" s="273" t="s">
        <v>1921</v>
      </c>
      <c r="M55" s="491" t="s">
        <v>121</v>
      </c>
      <c r="N55" s="491" t="s">
        <v>121</v>
      </c>
      <c r="O55" s="491" t="s">
        <v>121</v>
      </c>
      <c r="P55" s="491" t="s">
        <v>1939</v>
      </c>
      <c r="Q55" s="491" t="s">
        <v>120</v>
      </c>
      <c r="R55" s="491" t="s">
        <v>120</v>
      </c>
      <c r="S55" s="491" t="s">
        <v>120</v>
      </c>
      <c r="T55" s="265" t="s">
        <v>1990</v>
      </c>
      <c r="U55" s="265" t="s">
        <v>2067</v>
      </c>
      <c r="V55" s="491" t="s">
        <v>2070</v>
      </c>
      <c r="W55" s="491" t="s">
        <v>2071</v>
      </c>
      <c r="X55" s="491" t="s">
        <v>1922</v>
      </c>
    </row>
    <row r="56" spans="1:24" s="7" customFormat="1">
      <c r="A56" s="263"/>
      <c r="B56" s="479" t="s">
        <v>2617</v>
      </c>
      <c r="C56" s="64"/>
      <c r="D56" s="229"/>
      <c r="E56" s="704"/>
      <c r="F56" s="522"/>
      <c r="G56" s="522"/>
      <c r="H56" s="58"/>
      <c r="I56" s="58"/>
      <c r="J56" s="58"/>
      <c r="K56" s="58"/>
      <c r="L56" s="517"/>
      <c r="M56" s="58"/>
      <c r="N56" s="58"/>
      <c r="O56" s="58"/>
      <c r="P56" s="58"/>
      <c r="Q56" s="58"/>
      <c r="R56" s="58"/>
      <c r="S56" s="58"/>
      <c r="T56" s="511"/>
      <c r="U56" s="511"/>
      <c r="V56" s="58"/>
      <c r="W56" s="58"/>
      <c r="X56" s="58"/>
    </row>
    <row r="57" spans="1:24" ht="47.25" customHeight="1">
      <c r="A57" s="273" t="s">
        <v>860</v>
      </c>
      <c r="B57" s="273" t="s">
        <v>861</v>
      </c>
      <c r="C57" s="246"/>
      <c r="D57" s="266" t="s">
        <v>2837</v>
      </c>
      <c r="E57" s="705" t="s">
        <v>89</v>
      </c>
      <c r="F57" s="484"/>
      <c r="G57" s="484"/>
      <c r="H57" s="483"/>
      <c r="I57" s="491" t="s">
        <v>1942</v>
      </c>
      <c r="J57" s="491" t="s">
        <v>33</v>
      </c>
      <c r="K57" s="491" t="s">
        <v>119</v>
      </c>
      <c r="L57" s="273" t="s">
        <v>2072</v>
      </c>
      <c r="M57" s="491" t="s">
        <v>121</v>
      </c>
      <c r="N57" s="491" t="s">
        <v>121</v>
      </c>
      <c r="O57" s="491" t="s">
        <v>121</v>
      </c>
      <c r="P57" s="491" t="s">
        <v>120</v>
      </c>
      <c r="Q57" s="491" t="s">
        <v>1926</v>
      </c>
      <c r="R57" s="491" t="s">
        <v>1926</v>
      </c>
      <c r="S57" s="491" t="s">
        <v>121</v>
      </c>
      <c r="T57" s="265" t="s">
        <v>1943</v>
      </c>
      <c r="U57" s="265" t="s">
        <v>2073</v>
      </c>
      <c r="V57" s="491" t="s">
        <v>2074</v>
      </c>
      <c r="W57" s="491" t="s">
        <v>2075</v>
      </c>
      <c r="X57" s="491" t="s">
        <v>1919</v>
      </c>
    </row>
    <row r="58" spans="1:24" ht="47.25" customHeight="1">
      <c r="A58" s="273" t="s">
        <v>967</v>
      </c>
      <c r="B58" s="273" t="s">
        <v>968</v>
      </c>
      <c r="C58" s="245"/>
      <c r="D58" s="266" t="s">
        <v>2746</v>
      </c>
      <c r="E58" s="705" t="s">
        <v>89</v>
      </c>
      <c r="F58" s="484" t="s">
        <v>926</v>
      </c>
      <c r="G58" s="484"/>
      <c r="H58" s="483"/>
      <c r="I58" s="491" t="s">
        <v>2076</v>
      </c>
      <c r="J58" s="491" t="s">
        <v>33</v>
      </c>
      <c r="K58" s="491" t="s">
        <v>119</v>
      </c>
      <c r="L58" s="273" t="s">
        <v>2077</v>
      </c>
      <c r="M58" s="491" t="s">
        <v>121</v>
      </c>
      <c r="N58" s="491" t="s">
        <v>121</v>
      </c>
      <c r="O58" s="491" t="s">
        <v>121</v>
      </c>
      <c r="P58" s="491" t="s">
        <v>121</v>
      </c>
      <c r="Q58" s="491" t="s">
        <v>126</v>
      </c>
      <c r="R58" s="491" t="s">
        <v>122</v>
      </c>
      <c r="S58" s="491" t="s">
        <v>121</v>
      </c>
      <c r="T58" s="265" t="s">
        <v>2078</v>
      </c>
      <c r="U58" s="265" t="s">
        <v>2079</v>
      </c>
      <c r="V58" s="491" t="s">
        <v>2080</v>
      </c>
      <c r="W58" s="491" t="s">
        <v>2081</v>
      </c>
      <c r="X58" s="491" t="s">
        <v>1922</v>
      </c>
    </row>
    <row r="59" spans="1:24" s="42" customFormat="1" ht="30.95" customHeight="1">
      <c r="A59" s="472" t="s">
        <v>856</v>
      </c>
      <c r="B59" s="273" t="s">
        <v>857</v>
      </c>
      <c r="C59" s="5"/>
      <c r="D59" s="266" t="s">
        <v>2821</v>
      </c>
      <c r="E59" s="705" t="s">
        <v>89</v>
      </c>
      <c r="F59" s="484"/>
      <c r="G59" s="484"/>
      <c r="H59" s="483"/>
      <c r="I59" s="491" t="s">
        <v>1942</v>
      </c>
      <c r="J59" s="491" t="s">
        <v>33</v>
      </c>
      <c r="K59" s="491" t="s">
        <v>119</v>
      </c>
      <c r="L59" s="273" t="s">
        <v>2072</v>
      </c>
      <c r="M59" s="491" t="s">
        <v>121</v>
      </c>
      <c r="N59" s="491" t="s">
        <v>121</v>
      </c>
      <c r="O59" s="491" t="s">
        <v>121</v>
      </c>
      <c r="P59" s="491" t="s">
        <v>120</v>
      </c>
      <c r="Q59" s="491" t="s">
        <v>1926</v>
      </c>
      <c r="R59" s="491" t="s">
        <v>1926</v>
      </c>
      <c r="S59" s="491" t="s">
        <v>121</v>
      </c>
      <c r="T59" s="265" t="s">
        <v>2016</v>
      </c>
      <c r="U59" s="265" t="s">
        <v>2120</v>
      </c>
      <c r="V59" s="491" t="s">
        <v>2121</v>
      </c>
      <c r="W59" s="491" t="s">
        <v>2122</v>
      </c>
      <c r="X59" s="491" t="s">
        <v>1919</v>
      </c>
    </row>
    <row r="60" spans="1:24" s="42" customFormat="1" ht="31.5" customHeight="1">
      <c r="A60" s="472" t="s">
        <v>859</v>
      </c>
      <c r="B60" s="273" t="s">
        <v>858</v>
      </c>
      <c r="C60" s="5"/>
      <c r="D60" s="266" t="s">
        <v>2822</v>
      </c>
      <c r="E60" s="705" t="s">
        <v>89</v>
      </c>
      <c r="F60" s="484"/>
      <c r="G60" s="484"/>
      <c r="H60" s="483"/>
      <c r="I60" s="491" t="s">
        <v>1942</v>
      </c>
      <c r="J60" s="491" t="s">
        <v>33</v>
      </c>
      <c r="K60" s="491" t="s">
        <v>119</v>
      </c>
      <c r="L60" s="273" t="s">
        <v>2072</v>
      </c>
      <c r="M60" s="491" t="s">
        <v>121</v>
      </c>
      <c r="N60" s="491" t="s">
        <v>121</v>
      </c>
      <c r="O60" s="491" t="s">
        <v>121</v>
      </c>
      <c r="P60" s="491" t="s">
        <v>121</v>
      </c>
      <c r="Q60" s="491" t="s">
        <v>1926</v>
      </c>
      <c r="R60" s="491" t="s">
        <v>1926</v>
      </c>
      <c r="S60" s="491" t="s">
        <v>121</v>
      </c>
      <c r="T60" s="265" t="s">
        <v>2016</v>
      </c>
      <c r="U60" s="265" t="s">
        <v>2123</v>
      </c>
      <c r="V60" s="491" t="s">
        <v>2124</v>
      </c>
      <c r="W60" s="491" t="s">
        <v>2125</v>
      </c>
      <c r="X60" s="491" t="s">
        <v>1919</v>
      </c>
    </row>
    <row r="61" spans="1:24" s="7" customFormat="1">
      <c r="A61" s="263"/>
      <c r="B61" s="479" t="s">
        <v>2618</v>
      </c>
      <c r="C61" s="64"/>
      <c r="D61" s="229"/>
      <c r="E61" s="704"/>
      <c r="F61" s="522"/>
      <c r="G61" s="522"/>
      <c r="H61" s="58"/>
      <c r="I61" s="58"/>
      <c r="J61" s="58"/>
      <c r="K61" s="58"/>
      <c r="L61" s="517"/>
      <c r="M61" s="58"/>
      <c r="N61" s="58"/>
      <c r="O61" s="58"/>
      <c r="P61" s="58"/>
      <c r="Q61" s="58"/>
      <c r="R61" s="58"/>
      <c r="S61" s="58"/>
      <c r="T61" s="511"/>
      <c r="U61" s="511"/>
      <c r="V61" s="58"/>
      <c r="W61" s="58"/>
      <c r="X61" s="58"/>
    </row>
    <row r="62" spans="1:24" ht="54" customHeight="1">
      <c r="A62" s="273" t="s">
        <v>929</v>
      </c>
      <c r="B62" s="273" t="s">
        <v>930</v>
      </c>
      <c r="C62" s="245"/>
      <c r="D62" s="266" t="s">
        <v>2804</v>
      </c>
      <c r="E62" s="705" t="s">
        <v>89</v>
      </c>
      <c r="F62" s="484"/>
      <c r="G62" s="484"/>
      <c r="H62" s="483"/>
      <c r="I62" s="491" t="s">
        <v>1942</v>
      </c>
      <c r="J62" s="491" t="s">
        <v>132</v>
      </c>
      <c r="K62" s="491" t="s">
        <v>119</v>
      </c>
      <c r="L62" s="273" t="s">
        <v>2082</v>
      </c>
      <c r="M62" s="491" t="s">
        <v>121</v>
      </c>
      <c r="N62" s="491" t="s">
        <v>121</v>
      </c>
      <c r="O62" s="491" t="s">
        <v>121</v>
      </c>
      <c r="P62" s="491" t="s">
        <v>120</v>
      </c>
      <c r="Q62" s="491" t="s">
        <v>1926</v>
      </c>
      <c r="R62" s="491" t="s">
        <v>2083</v>
      </c>
      <c r="S62" s="491" t="s">
        <v>121</v>
      </c>
      <c r="T62" s="265" t="s">
        <v>1943</v>
      </c>
      <c r="U62" s="265" t="s">
        <v>2084</v>
      </c>
      <c r="V62" s="491" t="s">
        <v>2085</v>
      </c>
      <c r="W62" s="491" t="s">
        <v>2086</v>
      </c>
      <c r="X62" s="491" t="s">
        <v>1919</v>
      </c>
    </row>
    <row r="63" spans="1:24" s="44" customFormat="1" ht="45.75" customHeight="1">
      <c r="A63" s="273" t="s">
        <v>838</v>
      </c>
      <c r="B63" s="273" t="s">
        <v>839</v>
      </c>
      <c r="C63" s="5"/>
      <c r="D63" s="266" t="s">
        <v>2750</v>
      </c>
      <c r="E63" s="705" t="s">
        <v>89</v>
      </c>
      <c r="F63" s="484"/>
      <c r="G63" s="484"/>
      <c r="H63" s="483"/>
      <c r="I63" s="491" t="s">
        <v>2087</v>
      </c>
      <c r="J63" s="491" t="s">
        <v>132</v>
      </c>
      <c r="K63" s="491" t="s">
        <v>119</v>
      </c>
      <c r="L63" s="273" t="s">
        <v>2088</v>
      </c>
      <c r="M63" s="491" t="s">
        <v>121</v>
      </c>
      <c r="N63" s="491" t="s">
        <v>121</v>
      </c>
      <c r="O63" s="491" t="s">
        <v>121</v>
      </c>
      <c r="P63" s="491" t="s">
        <v>120</v>
      </c>
      <c r="Q63" s="491" t="s">
        <v>126</v>
      </c>
      <c r="R63" s="491" t="s">
        <v>122</v>
      </c>
      <c r="S63" s="491" t="s">
        <v>121</v>
      </c>
      <c r="T63" s="265" t="s">
        <v>2078</v>
      </c>
      <c r="U63" s="265" t="s">
        <v>2089</v>
      </c>
      <c r="V63" s="491" t="s">
        <v>2090</v>
      </c>
      <c r="W63" s="491" t="s">
        <v>2091</v>
      </c>
      <c r="X63" s="491" t="s">
        <v>1919</v>
      </c>
    </row>
    <row r="64" spans="1:24" s="44" customFormat="1" ht="45.75" customHeight="1">
      <c r="A64" s="273" t="s">
        <v>979</v>
      </c>
      <c r="B64" s="273" t="s">
        <v>980</v>
      </c>
      <c r="C64" s="5"/>
      <c r="D64" s="266" t="s">
        <v>2751</v>
      </c>
      <c r="E64" s="705" t="s">
        <v>89</v>
      </c>
      <c r="F64" s="484" t="s">
        <v>926</v>
      </c>
      <c r="G64" s="484"/>
      <c r="H64" s="483"/>
      <c r="I64" s="491" t="s">
        <v>1949</v>
      </c>
      <c r="J64" s="491" t="s">
        <v>132</v>
      </c>
      <c r="K64" s="491" t="s">
        <v>119</v>
      </c>
      <c r="L64" s="273" t="s">
        <v>2092</v>
      </c>
      <c r="M64" s="491" t="s">
        <v>121</v>
      </c>
      <c r="N64" s="491" t="s">
        <v>121</v>
      </c>
      <c r="O64" s="491" t="s">
        <v>121</v>
      </c>
      <c r="P64" s="491" t="s">
        <v>121</v>
      </c>
      <c r="Q64" s="491" t="s">
        <v>126</v>
      </c>
      <c r="R64" s="491" t="s">
        <v>122</v>
      </c>
      <c r="S64" s="491" t="s">
        <v>121</v>
      </c>
      <c r="T64" s="265" t="s">
        <v>2093</v>
      </c>
      <c r="U64" s="265" t="s">
        <v>2094</v>
      </c>
      <c r="V64" s="491" t="s">
        <v>2095</v>
      </c>
      <c r="W64" s="491" t="s">
        <v>2096</v>
      </c>
      <c r="X64" s="491" t="s">
        <v>1922</v>
      </c>
    </row>
    <row r="65" spans="1:24" s="44" customFormat="1" ht="45.75" customHeight="1">
      <c r="A65" s="273" t="s">
        <v>969</v>
      </c>
      <c r="B65" s="273" t="s">
        <v>970</v>
      </c>
      <c r="C65" s="5"/>
      <c r="D65" s="266" t="s">
        <v>2752</v>
      </c>
      <c r="E65" s="705" t="s">
        <v>89</v>
      </c>
      <c r="F65" s="484" t="s">
        <v>926</v>
      </c>
      <c r="G65" s="484"/>
      <c r="H65" s="483"/>
      <c r="I65" s="491" t="s">
        <v>2076</v>
      </c>
      <c r="J65" s="491" t="s">
        <v>132</v>
      </c>
      <c r="K65" s="491" t="s">
        <v>119</v>
      </c>
      <c r="L65" s="273" t="s">
        <v>2097</v>
      </c>
      <c r="M65" s="491" t="s">
        <v>121</v>
      </c>
      <c r="N65" s="491" t="s">
        <v>121</v>
      </c>
      <c r="O65" s="491" t="s">
        <v>121</v>
      </c>
      <c r="P65" s="491" t="s">
        <v>121</v>
      </c>
      <c r="Q65" s="491" t="s">
        <v>126</v>
      </c>
      <c r="R65" s="491" t="s">
        <v>122</v>
      </c>
      <c r="S65" s="491" t="s">
        <v>121</v>
      </c>
      <c r="T65" s="265" t="s">
        <v>2098</v>
      </c>
      <c r="U65" s="265" t="s">
        <v>2753</v>
      </c>
      <c r="V65" s="491" t="s">
        <v>2099</v>
      </c>
      <c r="W65" s="491" t="s">
        <v>2100</v>
      </c>
      <c r="X65" s="491" t="s">
        <v>1922</v>
      </c>
    </row>
    <row r="66" spans="1:24" s="42" customFormat="1" ht="50.25" customHeight="1">
      <c r="A66" s="472" t="s">
        <v>933</v>
      </c>
      <c r="B66" s="273" t="s">
        <v>935</v>
      </c>
      <c r="C66" s="5"/>
      <c r="D66" s="266" t="s">
        <v>2803</v>
      </c>
      <c r="E66" s="705" t="s">
        <v>89</v>
      </c>
      <c r="F66" s="482"/>
      <c r="G66" s="497"/>
      <c r="H66" s="483"/>
      <c r="I66" s="491" t="s">
        <v>1942</v>
      </c>
      <c r="J66" s="491" t="s">
        <v>132</v>
      </c>
      <c r="K66" s="491" t="s">
        <v>119</v>
      </c>
      <c r="L66" s="273" t="s">
        <v>2082</v>
      </c>
      <c r="M66" s="491" t="s">
        <v>121</v>
      </c>
      <c r="N66" s="491" t="s">
        <v>121</v>
      </c>
      <c r="O66" s="491" t="s">
        <v>121</v>
      </c>
      <c r="P66" s="491" t="s">
        <v>120</v>
      </c>
      <c r="Q66" s="491" t="s">
        <v>1926</v>
      </c>
      <c r="R66" s="491" t="s">
        <v>1926</v>
      </c>
      <c r="S66" s="491" t="s">
        <v>121</v>
      </c>
      <c r="T66" s="265" t="s">
        <v>2020</v>
      </c>
      <c r="U66" s="265" t="s">
        <v>2126</v>
      </c>
      <c r="V66" s="491" t="s">
        <v>2127</v>
      </c>
      <c r="W66" s="491" t="s">
        <v>2128</v>
      </c>
      <c r="X66" s="491" t="s">
        <v>1919</v>
      </c>
    </row>
    <row r="67" spans="1:24" s="42" customFormat="1" ht="50.25" customHeight="1">
      <c r="A67" s="472" t="s">
        <v>984</v>
      </c>
      <c r="B67" s="273" t="s">
        <v>985</v>
      </c>
      <c r="C67" s="5"/>
      <c r="D67" s="266" t="s">
        <v>2801</v>
      </c>
      <c r="E67" s="705" t="s">
        <v>89</v>
      </c>
      <c r="F67" s="482" t="s">
        <v>926</v>
      </c>
      <c r="G67" s="498"/>
      <c r="H67" s="483"/>
      <c r="I67" s="491" t="s">
        <v>1949</v>
      </c>
      <c r="J67" s="491" t="s">
        <v>132</v>
      </c>
      <c r="K67" s="491" t="s">
        <v>119</v>
      </c>
      <c r="L67" s="273" t="s">
        <v>2082</v>
      </c>
      <c r="M67" s="491" t="s">
        <v>121</v>
      </c>
      <c r="N67" s="491" t="s">
        <v>121</v>
      </c>
      <c r="O67" s="491" t="s">
        <v>121</v>
      </c>
      <c r="P67" s="491" t="s">
        <v>121</v>
      </c>
      <c r="Q67" s="491" t="s">
        <v>126</v>
      </c>
      <c r="R67" s="491" t="s">
        <v>122</v>
      </c>
      <c r="S67" s="491" t="s">
        <v>121</v>
      </c>
      <c r="T67" s="265" t="s">
        <v>2093</v>
      </c>
      <c r="U67" s="265" t="s">
        <v>2129</v>
      </c>
      <c r="V67" s="491" t="s">
        <v>2130</v>
      </c>
      <c r="W67" s="491" t="s">
        <v>2131</v>
      </c>
      <c r="X67" s="491" t="s">
        <v>1922</v>
      </c>
    </row>
    <row r="68" spans="1:24" s="42" customFormat="1" ht="56.45" customHeight="1">
      <c r="A68" s="472" t="s">
        <v>988</v>
      </c>
      <c r="B68" s="472" t="s">
        <v>989</v>
      </c>
      <c r="C68" s="5"/>
      <c r="D68" s="266" t="s">
        <v>2802</v>
      </c>
      <c r="E68" s="705" t="s">
        <v>89</v>
      </c>
      <c r="F68" s="482" t="s">
        <v>926</v>
      </c>
      <c r="G68" s="498"/>
      <c r="H68" s="483"/>
      <c r="I68" s="491" t="s">
        <v>1949</v>
      </c>
      <c r="J68" s="491" t="s">
        <v>132</v>
      </c>
      <c r="K68" s="491" t="s">
        <v>119</v>
      </c>
      <c r="L68" s="273" t="s">
        <v>2082</v>
      </c>
      <c r="M68" s="491" t="s">
        <v>121</v>
      </c>
      <c r="N68" s="491" t="s">
        <v>121</v>
      </c>
      <c r="O68" s="491" t="s">
        <v>121</v>
      </c>
      <c r="P68" s="491" t="s">
        <v>121</v>
      </c>
      <c r="Q68" s="491" t="s">
        <v>126</v>
      </c>
      <c r="R68" s="491" t="s">
        <v>122</v>
      </c>
      <c r="S68" s="491" t="s">
        <v>121</v>
      </c>
      <c r="T68" s="265" t="s">
        <v>2093</v>
      </c>
      <c r="U68" s="265" t="s">
        <v>2152</v>
      </c>
      <c r="V68" s="491" t="s">
        <v>2153</v>
      </c>
      <c r="W68" s="491" t="s">
        <v>2154</v>
      </c>
      <c r="X68" s="491" t="s">
        <v>1922</v>
      </c>
    </row>
    <row r="69" spans="1:24" s="42" customFormat="1" ht="42.95" customHeight="1">
      <c r="A69" s="273" t="s">
        <v>836</v>
      </c>
      <c r="B69" s="273" t="s">
        <v>837</v>
      </c>
      <c r="C69" s="636"/>
      <c r="D69" s="266" t="s">
        <v>2800</v>
      </c>
      <c r="E69" s="705" t="s">
        <v>89</v>
      </c>
      <c r="F69" s="484"/>
      <c r="G69" s="484"/>
      <c r="H69" s="483"/>
      <c r="I69" s="491" t="s">
        <v>2087</v>
      </c>
      <c r="J69" s="491" t="s">
        <v>132</v>
      </c>
      <c r="K69" s="491" t="s">
        <v>119</v>
      </c>
      <c r="L69" s="273" t="s">
        <v>2088</v>
      </c>
      <c r="M69" s="491" t="s">
        <v>121</v>
      </c>
      <c r="N69" s="491" t="s">
        <v>121</v>
      </c>
      <c r="O69" s="491" t="s">
        <v>121</v>
      </c>
      <c r="P69" s="491" t="s">
        <v>120</v>
      </c>
      <c r="Q69" s="491" t="s">
        <v>126</v>
      </c>
      <c r="R69" s="491" t="s">
        <v>126</v>
      </c>
      <c r="S69" s="491" t="s">
        <v>121</v>
      </c>
      <c r="T69" s="265" t="s">
        <v>2016</v>
      </c>
      <c r="U69" s="265" t="s">
        <v>2158</v>
      </c>
      <c r="V69" s="491" t="s">
        <v>2159</v>
      </c>
      <c r="W69" s="491" t="s">
        <v>2160</v>
      </c>
      <c r="X69" s="491" t="s">
        <v>1919</v>
      </c>
    </row>
    <row r="70" spans="1:24" s="7" customFormat="1">
      <c r="A70" s="263"/>
      <c r="B70" s="479" t="s">
        <v>2619</v>
      </c>
      <c r="C70" s="64"/>
      <c r="D70" s="229"/>
      <c r="E70" s="704"/>
      <c r="F70" s="522"/>
      <c r="G70" s="522"/>
      <c r="H70" s="58"/>
      <c r="I70" s="58"/>
      <c r="J70" s="58"/>
      <c r="K70" s="58"/>
      <c r="L70" s="517"/>
      <c r="M70" s="58"/>
      <c r="N70" s="58"/>
      <c r="O70" s="58"/>
      <c r="P70" s="58"/>
      <c r="Q70" s="58"/>
      <c r="R70" s="58"/>
      <c r="S70" s="58"/>
      <c r="T70" s="511"/>
      <c r="U70" s="511"/>
      <c r="V70" s="58"/>
      <c r="W70" s="58"/>
      <c r="X70" s="58"/>
    </row>
    <row r="71" spans="1:24" s="44" customFormat="1" ht="45.75" customHeight="1">
      <c r="A71" s="273" t="s">
        <v>1015</v>
      </c>
      <c r="B71" s="273" t="s">
        <v>1016</v>
      </c>
      <c r="C71" s="244"/>
      <c r="D71" s="266" t="s">
        <v>2762</v>
      </c>
      <c r="E71" s="705" t="s">
        <v>89</v>
      </c>
      <c r="F71" s="484" t="s">
        <v>926</v>
      </c>
      <c r="G71" s="484"/>
      <c r="H71" s="483"/>
      <c r="I71" s="491" t="s">
        <v>1924</v>
      </c>
      <c r="J71" s="491" t="s">
        <v>1959</v>
      </c>
      <c r="K71" s="491" t="s">
        <v>119</v>
      </c>
      <c r="L71" s="273" t="s">
        <v>2088</v>
      </c>
      <c r="M71" s="491" t="s">
        <v>121</v>
      </c>
      <c r="N71" s="491" t="s">
        <v>121</v>
      </c>
      <c r="O71" s="491" t="s">
        <v>121</v>
      </c>
      <c r="P71" s="491" t="s">
        <v>121</v>
      </c>
      <c r="Q71" s="491" t="s">
        <v>120</v>
      </c>
      <c r="R71" s="491" t="s">
        <v>120</v>
      </c>
      <c r="S71" s="491" t="s">
        <v>121</v>
      </c>
      <c r="T71" s="265" t="s">
        <v>2101</v>
      </c>
      <c r="U71" s="265" t="s">
        <v>2102</v>
      </c>
      <c r="V71" s="491" t="s">
        <v>2103</v>
      </c>
      <c r="W71" s="491" t="s">
        <v>2104</v>
      </c>
      <c r="X71" s="491" t="s">
        <v>1922</v>
      </c>
    </row>
    <row r="72" spans="1:24" s="44" customFormat="1" ht="45.75" customHeight="1">
      <c r="A72" s="468" t="s">
        <v>1737</v>
      </c>
      <c r="B72" s="469" t="s">
        <v>1738</v>
      </c>
      <c r="C72" s="433"/>
      <c r="D72" s="683" t="s">
        <v>2838</v>
      </c>
      <c r="E72" s="705" t="s">
        <v>89</v>
      </c>
      <c r="F72" s="484" t="s">
        <v>926</v>
      </c>
      <c r="G72" s="484"/>
      <c r="H72" s="483"/>
      <c r="I72" s="491" t="s">
        <v>1920</v>
      </c>
      <c r="J72" s="491" t="s">
        <v>1959</v>
      </c>
      <c r="K72" s="491" t="s">
        <v>119</v>
      </c>
      <c r="L72" s="273" t="s">
        <v>2105</v>
      </c>
      <c r="M72" s="491" t="s">
        <v>121</v>
      </c>
      <c r="N72" s="491" t="s">
        <v>121</v>
      </c>
      <c r="O72" s="491" t="s">
        <v>121</v>
      </c>
      <c r="P72" s="491" t="s">
        <v>120</v>
      </c>
      <c r="Q72" s="491" t="s">
        <v>126</v>
      </c>
      <c r="R72" s="491" t="s">
        <v>126</v>
      </c>
      <c r="S72" s="491" t="s">
        <v>120</v>
      </c>
      <c r="T72" s="265" t="s">
        <v>2029</v>
      </c>
      <c r="U72" s="265" t="s">
        <v>2106</v>
      </c>
      <c r="V72" s="491" t="s">
        <v>2107</v>
      </c>
      <c r="W72" s="491" t="s">
        <v>2108</v>
      </c>
      <c r="X72" s="491" t="s">
        <v>1922</v>
      </c>
    </row>
    <row r="73" spans="1:24" s="44" customFormat="1" ht="45.75" customHeight="1">
      <c r="A73" s="468" t="s">
        <v>2610</v>
      </c>
      <c r="B73" s="468" t="s">
        <v>2611</v>
      </c>
      <c r="C73" s="433"/>
      <c r="D73" s="684" t="s">
        <v>2759</v>
      </c>
      <c r="E73" s="705" t="s">
        <v>89</v>
      </c>
      <c r="F73" s="484"/>
      <c r="G73" s="484"/>
      <c r="H73" s="483"/>
      <c r="I73" s="491" t="s">
        <v>2014</v>
      </c>
      <c r="J73" s="491" t="s">
        <v>1959</v>
      </c>
      <c r="K73" s="491" t="s">
        <v>119</v>
      </c>
      <c r="L73" s="273" t="s">
        <v>2747</v>
      </c>
      <c r="M73" s="491" t="s">
        <v>121</v>
      </c>
      <c r="N73" s="491" t="s">
        <v>121</v>
      </c>
      <c r="O73" s="491" t="s">
        <v>121</v>
      </c>
      <c r="P73" s="491" t="s">
        <v>120</v>
      </c>
      <c r="Q73" s="491" t="s">
        <v>126</v>
      </c>
      <c r="R73" s="491" t="s">
        <v>126</v>
      </c>
      <c r="S73" s="491" t="s">
        <v>121</v>
      </c>
      <c r="T73" s="265" t="s">
        <v>2748</v>
      </c>
      <c r="U73" s="265" t="s">
        <v>2758</v>
      </c>
      <c r="V73" s="491"/>
      <c r="W73" s="491"/>
      <c r="X73" s="491"/>
    </row>
    <row r="74" spans="1:24" s="44" customFormat="1" ht="45.75" customHeight="1">
      <c r="A74" s="468" t="s">
        <v>2638</v>
      </c>
      <c r="B74" s="468" t="s">
        <v>2638</v>
      </c>
      <c r="C74" s="433"/>
      <c r="D74" s="684" t="s">
        <v>2760</v>
      </c>
      <c r="E74" s="705" t="s">
        <v>89</v>
      </c>
      <c r="F74" s="484" t="s">
        <v>926</v>
      </c>
      <c r="G74" s="484"/>
      <c r="H74" s="483"/>
      <c r="I74" s="491" t="s">
        <v>2014</v>
      </c>
      <c r="J74" s="491" t="s">
        <v>1959</v>
      </c>
      <c r="K74" s="491" t="s">
        <v>119</v>
      </c>
      <c r="L74" s="273" t="s">
        <v>2747</v>
      </c>
      <c r="M74" s="491" t="s">
        <v>121</v>
      </c>
      <c r="N74" s="491" t="s">
        <v>121</v>
      </c>
      <c r="O74" s="491" t="s">
        <v>121</v>
      </c>
      <c r="P74" s="491" t="s">
        <v>121</v>
      </c>
      <c r="Q74" s="491" t="s">
        <v>120</v>
      </c>
      <c r="R74" s="491" t="s">
        <v>120</v>
      </c>
      <c r="S74" s="491" t="s">
        <v>121</v>
      </c>
      <c r="T74" s="265" t="s">
        <v>2749</v>
      </c>
      <c r="U74" s="265" t="s">
        <v>2761</v>
      </c>
      <c r="V74" s="491"/>
      <c r="W74" s="491"/>
      <c r="X74" s="491"/>
    </row>
    <row r="75" spans="1:24" ht="54" customHeight="1">
      <c r="A75" s="273" t="s">
        <v>931</v>
      </c>
      <c r="B75" s="273" t="s">
        <v>932</v>
      </c>
      <c r="C75" s="245"/>
      <c r="D75" s="266" t="s">
        <v>2839</v>
      </c>
      <c r="E75" s="705" t="s">
        <v>89</v>
      </c>
      <c r="F75" s="484"/>
      <c r="G75" s="484"/>
      <c r="H75" s="483"/>
      <c r="I75" s="491" t="s">
        <v>1942</v>
      </c>
      <c r="J75" s="491" t="s">
        <v>1959</v>
      </c>
      <c r="K75" s="491" t="s">
        <v>119</v>
      </c>
      <c r="L75" s="273" t="s">
        <v>2109</v>
      </c>
      <c r="M75" s="491" t="s">
        <v>121</v>
      </c>
      <c r="N75" s="491" t="s">
        <v>121</v>
      </c>
      <c r="O75" s="491" t="s">
        <v>121</v>
      </c>
      <c r="P75" s="491" t="s">
        <v>120</v>
      </c>
      <c r="Q75" s="491" t="s">
        <v>1926</v>
      </c>
      <c r="R75" s="491" t="s">
        <v>1926</v>
      </c>
      <c r="S75" s="491" t="s">
        <v>121</v>
      </c>
      <c r="T75" s="265" t="s">
        <v>1943</v>
      </c>
      <c r="U75" s="265" t="s">
        <v>2110</v>
      </c>
      <c r="V75" s="491" t="s">
        <v>2111</v>
      </c>
      <c r="W75" s="491" t="s">
        <v>2112</v>
      </c>
      <c r="X75" s="491" t="s">
        <v>1919</v>
      </c>
    </row>
    <row r="76" spans="1:24" s="42" customFormat="1" ht="50.25" customHeight="1">
      <c r="A76" s="472" t="s">
        <v>1019</v>
      </c>
      <c r="B76" s="273" t="s">
        <v>1020</v>
      </c>
      <c r="C76" s="5"/>
      <c r="D76" s="266" t="s">
        <v>2757</v>
      </c>
      <c r="E76" s="705" t="s">
        <v>89</v>
      </c>
      <c r="F76" s="482" t="s">
        <v>926</v>
      </c>
      <c r="G76" s="498"/>
      <c r="H76" s="483"/>
      <c r="I76" s="491" t="s">
        <v>1924</v>
      </c>
      <c r="J76" s="491" t="s">
        <v>1959</v>
      </c>
      <c r="K76" s="491" t="s">
        <v>119</v>
      </c>
      <c r="L76" s="273" t="s">
        <v>2088</v>
      </c>
      <c r="M76" s="491" t="s">
        <v>121</v>
      </c>
      <c r="N76" s="491" t="s">
        <v>121</v>
      </c>
      <c r="O76" s="491" t="s">
        <v>121</v>
      </c>
      <c r="P76" s="491" t="s">
        <v>121</v>
      </c>
      <c r="Q76" s="491" t="s">
        <v>120</v>
      </c>
      <c r="R76" s="491" t="s">
        <v>120</v>
      </c>
      <c r="S76" s="491" t="s">
        <v>121</v>
      </c>
      <c r="T76" s="265" t="s">
        <v>2132</v>
      </c>
      <c r="U76" s="265" t="s">
        <v>2133</v>
      </c>
      <c r="V76" s="491" t="s">
        <v>2134</v>
      </c>
      <c r="W76" s="491" t="s">
        <v>2135</v>
      </c>
      <c r="X76" s="491" t="s">
        <v>1922</v>
      </c>
    </row>
    <row r="77" spans="1:24" s="42" customFormat="1" ht="50.25" customHeight="1">
      <c r="A77" s="472" t="s">
        <v>1017</v>
      </c>
      <c r="B77" s="273" t="s">
        <v>1018</v>
      </c>
      <c r="C77" s="5"/>
      <c r="D77" s="268" t="s">
        <v>2756</v>
      </c>
      <c r="E77" s="705" t="s">
        <v>89</v>
      </c>
      <c r="F77" s="482" t="s">
        <v>926</v>
      </c>
      <c r="G77" s="498"/>
      <c r="H77" s="483"/>
      <c r="I77" s="491" t="s">
        <v>1924</v>
      </c>
      <c r="J77" s="491" t="s">
        <v>1959</v>
      </c>
      <c r="K77" s="491" t="s">
        <v>119</v>
      </c>
      <c r="L77" s="273" t="s">
        <v>2088</v>
      </c>
      <c r="M77" s="491" t="s">
        <v>121</v>
      </c>
      <c r="N77" s="491" t="s">
        <v>121</v>
      </c>
      <c r="O77" s="491" t="s">
        <v>121</v>
      </c>
      <c r="P77" s="491" t="s">
        <v>121</v>
      </c>
      <c r="Q77" s="491" t="s">
        <v>120</v>
      </c>
      <c r="R77" s="491" t="s">
        <v>120</v>
      </c>
      <c r="S77" s="491" t="s">
        <v>121</v>
      </c>
      <c r="T77" s="265" t="s">
        <v>2136</v>
      </c>
      <c r="U77" s="265" t="s">
        <v>2137</v>
      </c>
      <c r="V77" s="491" t="s">
        <v>2138</v>
      </c>
      <c r="W77" s="491" t="s">
        <v>2139</v>
      </c>
      <c r="X77" s="491" t="s">
        <v>1922</v>
      </c>
    </row>
    <row r="78" spans="1:24" s="42" customFormat="1" ht="50.25" customHeight="1">
      <c r="A78" s="272" t="s">
        <v>1764</v>
      </c>
      <c r="B78" s="469" t="s">
        <v>1765</v>
      </c>
      <c r="C78" s="294"/>
      <c r="D78" s="489" t="s">
        <v>2823</v>
      </c>
      <c r="E78" s="705" t="s">
        <v>89</v>
      </c>
      <c r="F78" s="528" t="s">
        <v>2182</v>
      </c>
      <c r="G78" s="498"/>
      <c r="H78" s="483"/>
      <c r="I78" s="491" t="s">
        <v>1920</v>
      </c>
      <c r="J78" s="491" t="s">
        <v>1959</v>
      </c>
      <c r="K78" s="491" t="s">
        <v>119</v>
      </c>
      <c r="L78" s="273" t="s">
        <v>2105</v>
      </c>
      <c r="M78" s="491" t="s">
        <v>121</v>
      </c>
      <c r="N78" s="491" t="s">
        <v>121</v>
      </c>
      <c r="O78" s="491" t="s">
        <v>121</v>
      </c>
      <c r="P78" s="491" t="s">
        <v>121</v>
      </c>
      <c r="Q78" s="491" t="s">
        <v>126</v>
      </c>
      <c r="R78" s="491" t="s">
        <v>126</v>
      </c>
      <c r="S78" s="491" t="s">
        <v>121</v>
      </c>
      <c r="T78" s="265" t="s">
        <v>2029</v>
      </c>
      <c r="U78" s="265" t="s">
        <v>2140</v>
      </c>
      <c r="V78" s="491" t="s">
        <v>2141</v>
      </c>
      <c r="W78" s="491" t="s">
        <v>2142</v>
      </c>
      <c r="X78" s="491" t="s">
        <v>1922</v>
      </c>
    </row>
    <row r="79" spans="1:24" s="42" customFormat="1" ht="50.25" customHeight="1">
      <c r="A79" s="272" t="s">
        <v>2608</v>
      </c>
      <c r="B79" s="272" t="s">
        <v>2609</v>
      </c>
      <c r="C79" s="294"/>
      <c r="D79" s="635" t="s">
        <v>2755</v>
      </c>
      <c r="E79" s="705" t="s">
        <v>89</v>
      </c>
      <c r="F79" s="528"/>
      <c r="G79" s="498"/>
      <c r="H79" s="483"/>
      <c r="I79" s="491" t="s">
        <v>2014</v>
      </c>
      <c r="J79" s="491" t="s">
        <v>1959</v>
      </c>
      <c r="K79" s="491" t="s">
        <v>119</v>
      </c>
      <c r="L79" s="273" t="s">
        <v>2747</v>
      </c>
      <c r="M79" s="491" t="s">
        <v>121</v>
      </c>
      <c r="N79" s="491" t="s">
        <v>121</v>
      </c>
      <c r="O79" s="491" t="s">
        <v>121</v>
      </c>
      <c r="P79" s="491" t="s">
        <v>120</v>
      </c>
      <c r="Q79" s="491" t="s">
        <v>126</v>
      </c>
      <c r="R79" s="491" t="s">
        <v>126</v>
      </c>
      <c r="S79" s="491" t="s">
        <v>121</v>
      </c>
      <c r="T79" s="265" t="s">
        <v>2749</v>
      </c>
      <c r="U79" s="265" t="s">
        <v>2754</v>
      </c>
      <c r="V79" s="491"/>
      <c r="W79" s="491"/>
      <c r="X79" s="491"/>
    </row>
    <row r="80" spans="1:24" s="42" customFormat="1" ht="51.75" customHeight="1">
      <c r="A80" s="472" t="s">
        <v>934</v>
      </c>
      <c r="B80" s="273" t="s">
        <v>936</v>
      </c>
      <c r="C80" s="5"/>
      <c r="D80" s="268" t="s">
        <v>2824</v>
      </c>
      <c r="E80" s="705" t="s">
        <v>89</v>
      </c>
      <c r="F80" s="482"/>
      <c r="G80" s="497"/>
      <c r="H80" s="483"/>
      <c r="I80" s="491" t="s">
        <v>1942</v>
      </c>
      <c r="J80" s="491" t="s">
        <v>1959</v>
      </c>
      <c r="K80" s="491" t="s">
        <v>119</v>
      </c>
      <c r="L80" s="273" t="s">
        <v>2109</v>
      </c>
      <c r="M80" s="491" t="s">
        <v>121</v>
      </c>
      <c r="N80" s="491" t="s">
        <v>121</v>
      </c>
      <c r="O80" s="491" t="s">
        <v>121</v>
      </c>
      <c r="P80" s="491" t="s">
        <v>121</v>
      </c>
      <c r="Q80" s="491" t="s">
        <v>1926</v>
      </c>
      <c r="R80" s="491" t="s">
        <v>1926</v>
      </c>
      <c r="S80" s="491" t="s">
        <v>121</v>
      </c>
      <c r="T80" s="265" t="s">
        <v>2020</v>
      </c>
      <c r="U80" s="265" t="s">
        <v>2143</v>
      </c>
      <c r="V80" s="491" t="s">
        <v>2144</v>
      </c>
      <c r="W80" s="491" t="s">
        <v>2145</v>
      </c>
      <c r="X80" s="491" t="s">
        <v>1919</v>
      </c>
    </row>
    <row r="81" spans="1:24" s="42" customFormat="1" ht="51.75" customHeight="1">
      <c r="A81" s="468" t="s">
        <v>1778</v>
      </c>
      <c r="B81" s="469" t="s">
        <v>1779</v>
      </c>
      <c r="C81" s="440"/>
      <c r="D81" s="489" t="s">
        <v>2825</v>
      </c>
      <c r="E81" s="705" t="s">
        <v>89</v>
      </c>
      <c r="F81" s="487" t="s">
        <v>824</v>
      </c>
      <c r="G81" s="497"/>
      <c r="H81" s="483"/>
      <c r="I81" s="491" t="s">
        <v>1920</v>
      </c>
      <c r="J81" s="491" t="s">
        <v>1959</v>
      </c>
      <c r="K81" s="491" t="s">
        <v>119</v>
      </c>
      <c r="L81" s="273" t="s">
        <v>2105</v>
      </c>
      <c r="M81" s="491" t="s">
        <v>121</v>
      </c>
      <c r="N81" s="491" t="s">
        <v>121</v>
      </c>
      <c r="O81" s="491" t="s">
        <v>121</v>
      </c>
      <c r="P81" s="491" t="s">
        <v>121</v>
      </c>
      <c r="Q81" s="491" t="s">
        <v>120</v>
      </c>
      <c r="R81" s="491" t="s">
        <v>120</v>
      </c>
      <c r="S81" s="491" t="s">
        <v>121</v>
      </c>
      <c r="T81" s="265" t="s">
        <v>2116</v>
      </c>
      <c r="U81" s="265" t="s">
        <v>2146</v>
      </c>
      <c r="V81" s="491" t="s">
        <v>2147</v>
      </c>
      <c r="W81" s="491" t="s">
        <v>2148</v>
      </c>
      <c r="X81" s="491" t="s">
        <v>1922</v>
      </c>
    </row>
    <row r="82" spans="1:24" s="7" customFormat="1">
      <c r="A82" s="263"/>
      <c r="B82" s="479" t="s">
        <v>2620</v>
      </c>
      <c r="C82" s="64"/>
      <c r="D82" s="229"/>
      <c r="E82" s="704"/>
      <c r="F82" s="522"/>
      <c r="G82" s="522"/>
      <c r="H82" s="58"/>
      <c r="I82" s="58"/>
      <c r="J82" s="58"/>
      <c r="K82" s="58"/>
      <c r="L82" s="517"/>
      <c r="M82" s="58"/>
      <c r="N82" s="58"/>
      <c r="O82" s="58"/>
      <c r="P82" s="58"/>
      <c r="Q82" s="58"/>
      <c r="R82" s="58"/>
      <c r="S82" s="58"/>
      <c r="T82" s="511"/>
      <c r="U82" s="511"/>
      <c r="V82" s="58"/>
      <c r="W82" s="58"/>
      <c r="X82" s="58"/>
    </row>
    <row r="83" spans="1:24" ht="54" customHeight="1">
      <c r="A83" s="273" t="s">
        <v>982</v>
      </c>
      <c r="B83" s="273" t="s">
        <v>983</v>
      </c>
      <c r="C83" s="246"/>
      <c r="D83" s="268" t="s">
        <v>2840</v>
      </c>
      <c r="E83" s="705" t="s">
        <v>89</v>
      </c>
      <c r="F83" s="484" t="s">
        <v>926</v>
      </c>
      <c r="G83" s="484" t="s">
        <v>981</v>
      </c>
      <c r="H83" s="483"/>
      <c r="I83" s="491" t="s">
        <v>1949</v>
      </c>
      <c r="J83" s="491" t="s">
        <v>125</v>
      </c>
      <c r="K83" s="491" t="s">
        <v>119</v>
      </c>
      <c r="L83" s="273" t="s">
        <v>2082</v>
      </c>
      <c r="M83" s="491" t="s">
        <v>121</v>
      </c>
      <c r="N83" s="491" t="s">
        <v>121</v>
      </c>
      <c r="O83" s="491" t="s">
        <v>121</v>
      </c>
      <c r="P83" s="491" t="s">
        <v>121</v>
      </c>
      <c r="Q83" s="491" t="s">
        <v>126</v>
      </c>
      <c r="R83" s="491" t="s">
        <v>122</v>
      </c>
      <c r="S83" s="491" t="s">
        <v>121</v>
      </c>
      <c r="T83" s="265" t="s">
        <v>2093</v>
      </c>
      <c r="U83" s="265" t="s">
        <v>2113</v>
      </c>
      <c r="V83" s="491" t="s">
        <v>2114</v>
      </c>
      <c r="W83" s="491" t="s">
        <v>2115</v>
      </c>
      <c r="X83" s="491" t="s">
        <v>1922</v>
      </c>
    </row>
    <row r="84" spans="1:24" s="44" customFormat="1" ht="50.25" customHeight="1">
      <c r="A84" s="273" t="s">
        <v>822</v>
      </c>
      <c r="B84" s="273" t="s">
        <v>823</v>
      </c>
      <c r="C84" s="5"/>
      <c r="D84" s="265" t="s">
        <v>2841</v>
      </c>
      <c r="E84" s="705" t="s">
        <v>89</v>
      </c>
      <c r="F84" s="484"/>
      <c r="G84" s="484"/>
      <c r="H84" s="483"/>
      <c r="I84" s="491" t="s">
        <v>2087</v>
      </c>
      <c r="J84" s="491" t="s">
        <v>125</v>
      </c>
      <c r="K84" s="491" t="s">
        <v>119</v>
      </c>
      <c r="L84" s="273" t="s">
        <v>2088</v>
      </c>
      <c r="M84" s="491" t="s">
        <v>121</v>
      </c>
      <c r="N84" s="491" t="s">
        <v>121</v>
      </c>
      <c r="O84" s="491" t="s">
        <v>121</v>
      </c>
      <c r="P84" s="491" t="s">
        <v>120</v>
      </c>
      <c r="Q84" s="491" t="s">
        <v>126</v>
      </c>
      <c r="R84" s="491" t="s">
        <v>122</v>
      </c>
      <c r="S84" s="491" t="s">
        <v>121</v>
      </c>
      <c r="T84" s="265" t="s">
        <v>2078</v>
      </c>
      <c r="U84" s="265" t="s">
        <v>2117</v>
      </c>
      <c r="V84" s="491" t="s">
        <v>2118</v>
      </c>
      <c r="W84" s="491" t="s">
        <v>2119</v>
      </c>
      <c r="X84" s="491" t="s">
        <v>1919</v>
      </c>
    </row>
    <row r="85" spans="1:24" s="42" customFormat="1" ht="51.75" customHeight="1">
      <c r="A85" s="472" t="s">
        <v>986</v>
      </c>
      <c r="B85" s="273" t="s">
        <v>987</v>
      </c>
      <c r="C85" s="5"/>
      <c r="D85" s="268" t="s">
        <v>2826</v>
      </c>
      <c r="E85" s="705" t="s">
        <v>89</v>
      </c>
      <c r="F85" s="482" t="s">
        <v>926</v>
      </c>
      <c r="G85" s="498"/>
      <c r="H85" s="483"/>
      <c r="I85" s="491" t="s">
        <v>1949</v>
      </c>
      <c r="J85" s="491" t="s">
        <v>125</v>
      </c>
      <c r="K85" s="491" t="s">
        <v>119</v>
      </c>
      <c r="L85" s="273" t="s">
        <v>2082</v>
      </c>
      <c r="M85" s="491" t="s">
        <v>121</v>
      </c>
      <c r="N85" s="491" t="s">
        <v>121</v>
      </c>
      <c r="O85" s="491" t="s">
        <v>121</v>
      </c>
      <c r="P85" s="491" t="s">
        <v>121</v>
      </c>
      <c r="Q85" s="491" t="s">
        <v>126</v>
      </c>
      <c r="R85" s="491" t="s">
        <v>122</v>
      </c>
      <c r="S85" s="491" t="s">
        <v>121</v>
      </c>
      <c r="T85" s="265" t="s">
        <v>2093</v>
      </c>
      <c r="U85" s="265" t="s">
        <v>2149</v>
      </c>
      <c r="V85" s="491" t="s">
        <v>2150</v>
      </c>
      <c r="W85" s="491" t="s">
        <v>2151</v>
      </c>
      <c r="X85" s="491" t="s">
        <v>1922</v>
      </c>
    </row>
    <row r="86" spans="1:24" s="42" customFormat="1" ht="42.75" customHeight="1">
      <c r="A86" s="472" t="s">
        <v>990</v>
      </c>
      <c r="B86" s="472" t="s">
        <v>991</v>
      </c>
      <c r="C86" s="235"/>
      <c r="D86" s="266" t="s">
        <v>2827</v>
      </c>
      <c r="E86" s="705" t="s">
        <v>89</v>
      </c>
      <c r="F86" s="482" t="s">
        <v>926</v>
      </c>
      <c r="G86" s="498"/>
      <c r="H86" s="483"/>
      <c r="I86" s="491" t="s">
        <v>1949</v>
      </c>
      <c r="J86" s="491" t="s">
        <v>125</v>
      </c>
      <c r="K86" s="491" t="s">
        <v>119</v>
      </c>
      <c r="L86" s="273" t="s">
        <v>2082</v>
      </c>
      <c r="M86" s="491" t="s">
        <v>121</v>
      </c>
      <c r="N86" s="491" t="s">
        <v>121</v>
      </c>
      <c r="O86" s="491" t="s">
        <v>121</v>
      </c>
      <c r="P86" s="491" t="s">
        <v>121</v>
      </c>
      <c r="Q86" s="491" t="s">
        <v>126</v>
      </c>
      <c r="R86" s="491" t="s">
        <v>122</v>
      </c>
      <c r="S86" s="491" t="s">
        <v>121</v>
      </c>
      <c r="T86" s="265" t="s">
        <v>2093</v>
      </c>
      <c r="U86" s="265" t="s">
        <v>2155</v>
      </c>
      <c r="V86" s="491" t="s">
        <v>2156</v>
      </c>
      <c r="W86" s="491" t="s">
        <v>2157</v>
      </c>
      <c r="X86" s="491" t="s">
        <v>1922</v>
      </c>
    </row>
    <row r="87" spans="1:24" s="52" customFormat="1" ht="45" customHeight="1">
      <c r="A87" s="273" t="s">
        <v>825</v>
      </c>
      <c r="B87" s="273" t="s">
        <v>2604</v>
      </c>
      <c r="C87" s="261"/>
      <c r="D87" s="265" t="s">
        <v>2828</v>
      </c>
      <c r="E87" s="705" t="s">
        <v>89</v>
      </c>
      <c r="F87" s="484"/>
      <c r="G87" s="484"/>
      <c r="H87" s="483"/>
      <c r="I87" s="491" t="s">
        <v>2087</v>
      </c>
      <c r="J87" s="491" t="s">
        <v>125</v>
      </c>
      <c r="K87" s="491" t="s">
        <v>119</v>
      </c>
      <c r="L87" s="273" t="s">
        <v>2088</v>
      </c>
      <c r="M87" s="491" t="s">
        <v>121</v>
      </c>
      <c r="N87" s="491" t="s">
        <v>121</v>
      </c>
      <c r="O87" s="491" t="s">
        <v>121</v>
      </c>
      <c r="P87" s="491" t="s">
        <v>120</v>
      </c>
      <c r="Q87" s="491" t="s">
        <v>126</v>
      </c>
      <c r="R87" s="491">
        <v>44197</v>
      </c>
      <c r="S87" s="491" t="s">
        <v>121</v>
      </c>
      <c r="T87" s="265" t="s">
        <v>2078</v>
      </c>
      <c r="U87" s="265" t="s">
        <v>2161</v>
      </c>
      <c r="V87" s="491" t="s">
        <v>2162</v>
      </c>
      <c r="W87" s="491" t="s">
        <v>2163</v>
      </c>
      <c r="X87" s="491" t="s">
        <v>1919</v>
      </c>
    </row>
    <row r="88" spans="1:24" s="52" customFormat="1">
      <c r="A88" s="270"/>
      <c r="B88" s="480" t="s">
        <v>975</v>
      </c>
      <c r="C88" s="82"/>
      <c r="D88" s="488"/>
      <c r="E88" s="706"/>
      <c r="F88" s="523"/>
      <c r="G88" s="523"/>
      <c r="H88" s="488"/>
      <c r="I88" s="488"/>
      <c r="J88" s="488"/>
      <c r="K88" s="488"/>
      <c r="L88" s="519"/>
      <c r="M88" s="488"/>
      <c r="N88" s="488"/>
      <c r="O88" s="488"/>
      <c r="P88" s="488"/>
      <c r="Q88" s="488"/>
      <c r="R88" s="488"/>
      <c r="S88" s="488"/>
      <c r="T88" s="513"/>
      <c r="U88" s="513"/>
      <c r="V88" s="488"/>
      <c r="W88" s="488"/>
      <c r="X88" s="488"/>
    </row>
    <row r="89" spans="1:24" s="52" customFormat="1" ht="77.45" customHeight="1">
      <c r="A89" s="477" t="s">
        <v>977</v>
      </c>
      <c r="B89" s="477" t="s">
        <v>978</v>
      </c>
      <c r="C89" s="426"/>
      <c r="D89" s="637" t="s">
        <v>2626</v>
      </c>
      <c r="E89" s="705" t="s">
        <v>89</v>
      </c>
      <c r="F89" s="484" t="s">
        <v>926</v>
      </c>
      <c r="G89" s="484"/>
      <c r="H89" s="483"/>
      <c r="I89" s="491" t="s">
        <v>1949</v>
      </c>
      <c r="J89" s="491" t="s">
        <v>33</v>
      </c>
      <c r="K89" s="491" t="s">
        <v>119</v>
      </c>
      <c r="L89" s="273" t="s">
        <v>2164</v>
      </c>
      <c r="M89" s="491" t="s">
        <v>121</v>
      </c>
      <c r="N89" s="491" t="s">
        <v>121</v>
      </c>
      <c r="O89" s="491" t="s">
        <v>121</v>
      </c>
      <c r="P89" s="491" t="s">
        <v>120</v>
      </c>
      <c r="Q89" s="491" t="s">
        <v>1926</v>
      </c>
      <c r="R89" s="491" t="s">
        <v>2083</v>
      </c>
      <c r="S89" s="491" t="s">
        <v>120</v>
      </c>
      <c r="T89" s="265" t="s">
        <v>2007</v>
      </c>
      <c r="U89" s="265" t="s">
        <v>2052</v>
      </c>
      <c r="V89" s="491" t="s">
        <v>2165</v>
      </c>
      <c r="W89" s="491" t="s">
        <v>2166</v>
      </c>
      <c r="X89" s="491" t="s">
        <v>1922</v>
      </c>
    </row>
    <row r="90" spans="1:24" s="52" customFormat="1" ht="68.45" customHeight="1">
      <c r="A90" s="273" t="s">
        <v>1886</v>
      </c>
      <c r="B90" s="273" t="s">
        <v>1887</v>
      </c>
      <c r="C90" s="294"/>
      <c r="D90" s="637" t="s">
        <v>2625</v>
      </c>
      <c r="E90" s="705" t="s">
        <v>89</v>
      </c>
      <c r="F90" s="484" t="s">
        <v>926</v>
      </c>
      <c r="G90" s="486"/>
      <c r="H90" s="483"/>
      <c r="I90" s="491" t="s">
        <v>2076</v>
      </c>
      <c r="J90" s="491" t="s">
        <v>125</v>
      </c>
      <c r="K90" s="491" t="s">
        <v>119</v>
      </c>
      <c r="L90" s="273" t="s">
        <v>2164</v>
      </c>
      <c r="M90" s="491" t="s">
        <v>121</v>
      </c>
      <c r="N90" s="491" t="s">
        <v>121</v>
      </c>
      <c r="O90" s="491" t="s">
        <v>120</v>
      </c>
      <c r="P90" s="491" t="s">
        <v>120</v>
      </c>
      <c r="Q90" s="491" t="s">
        <v>126</v>
      </c>
      <c r="R90" s="491" t="s">
        <v>122</v>
      </c>
      <c r="S90" s="491" t="s">
        <v>121</v>
      </c>
      <c r="T90" s="265" t="s">
        <v>2167</v>
      </c>
      <c r="U90" s="265" t="s">
        <v>2168</v>
      </c>
      <c r="V90" s="491" t="s">
        <v>2169</v>
      </c>
      <c r="W90" s="491" t="s">
        <v>2170</v>
      </c>
      <c r="X90" s="491" t="s">
        <v>1922</v>
      </c>
    </row>
    <row r="91" spans="1:24" s="7" customFormat="1">
      <c r="A91" s="269"/>
      <c r="B91" s="480" t="s">
        <v>117</v>
      </c>
      <c r="C91" s="117"/>
      <c r="D91" s="490"/>
      <c r="E91" s="707"/>
      <c r="F91" s="524"/>
      <c r="G91" s="524"/>
      <c r="H91" s="490"/>
      <c r="I91" s="490"/>
      <c r="J91" s="490"/>
      <c r="K91" s="490"/>
      <c r="L91" s="490"/>
      <c r="M91" s="490"/>
      <c r="N91" s="490"/>
      <c r="O91" s="490"/>
      <c r="P91" s="490"/>
      <c r="Q91" s="490"/>
      <c r="R91" s="490"/>
      <c r="S91" s="490"/>
      <c r="T91" s="509"/>
      <c r="U91" s="509"/>
      <c r="V91" s="490"/>
      <c r="W91" s="490"/>
      <c r="X91" s="490"/>
    </row>
    <row r="92" spans="1:24" s="52" customFormat="1" ht="45.75" customHeight="1">
      <c r="A92" s="273" t="s">
        <v>6</v>
      </c>
      <c r="B92" s="273" t="s">
        <v>813</v>
      </c>
      <c r="C92" s="5"/>
      <c r="D92" s="265" t="s">
        <v>869</v>
      </c>
      <c r="E92" s="705" t="s">
        <v>89</v>
      </c>
      <c r="F92" s="484" t="s">
        <v>883</v>
      </c>
      <c r="G92" s="499"/>
      <c r="H92" s="483"/>
      <c r="I92" s="491" t="s">
        <v>2171</v>
      </c>
      <c r="J92" s="500" t="s">
        <v>125</v>
      </c>
      <c r="K92" s="501" t="s">
        <v>119</v>
      </c>
      <c r="L92" s="500" t="s">
        <v>127</v>
      </c>
      <c r="M92" s="502" t="s">
        <v>121</v>
      </c>
      <c r="N92" s="502" t="s">
        <v>121</v>
      </c>
      <c r="O92" s="502" t="s">
        <v>128</v>
      </c>
      <c r="P92" s="502" t="s">
        <v>120</v>
      </c>
      <c r="Q92" s="502" t="s">
        <v>126</v>
      </c>
      <c r="R92" s="503" t="s">
        <v>122</v>
      </c>
      <c r="S92" s="503" t="s">
        <v>121</v>
      </c>
      <c r="T92" s="510" t="s">
        <v>129</v>
      </c>
      <c r="U92" s="510" t="s">
        <v>1916</v>
      </c>
      <c r="V92" s="500" t="s">
        <v>1917</v>
      </c>
      <c r="W92" s="500" t="s">
        <v>1918</v>
      </c>
      <c r="X92" s="500" t="s">
        <v>1919</v>
      </c>
    </row>
    <row r="93" spans="1:24" s="52" customFormat="1" ht="45.75" customHeight="1">
      <c r="A93" s="471" t="s">
        <v>143</v>
      </c>
      <c r="B93" s="273" t="s">
        <v>814</v>
      </c>
      <c r="C93" s="5"/>
      <c r="D93" s="265" t="s">
        <v>940</v>
      </c>
      <c r="E93" s="705" t="s">
        <v>89</v>
      </c>
      <c r="F93" s="484" t="s">
        <v>883</v>
      </c>
      <c r="G93" s="504"/>
      <c r="H93" s="483"/>
      <c r="I93" s="491" t="s">
        <v>2171</v>
      </c>
      <c r="J93" s="491" t="s">
        <v>2172</v>
      </c>
      <c r="K93" s="491" t="s">
        <v>119</v>
      </c>
      <c r="L93" s="273" t="s">
        <v>2173</v>
      </c>
      <c r="M93" s="491" t="s">
        <v>120</v>
      </c>
      <c r="N93" s="491" t="s">
        <v>121</v>
      </c>
      <c r="O93" s="491" t="s">
        <v>124</v>
      </c>
      <c r="P93" s="491" t="s">
        <v>120</v>
      </c>
      <c r="Q93" s="491" t="s">
        <v>126</v>
      </c>
      <c r="R93" s="491" t="s">
        <v>122</v>
      </c>
      <c r="S93" s="491" t="s">
        <v>121</v>
      </c>
      <c r="T93" s="265" t="s">
        <v>2174</v>
      </c>
      <c r="U93" s="265" t="s">
        <v>2175</v>
      </c>
      <c r="V93" s="491" t="s">
        <v>2176</v>
      </c>
      <c r="W93" s="491" t="s">
        <v>2177</v>
      </c>
      <c r="X93" s="491" t="s">
        <v>1919</v>
      </c>
    </row>
    <row r="94" spans="1:24" s="52" customFormat="1" ht="45.75" customHeight="1">
      <c r="A94" s="471" t="s">
        <v>937</v>
      </c>
      <c r="B94" s="273" t="s">
        <v>938</v>
      </c>
      <c r="C94" s="5"/>
      <c r="D94" s="265" t="s">
        <v>939</v>
      </c>
      <c r="E94" s="705" t="s">
        <v>89</v>
      </c>
      <c r="F94" s="484" t="s">
        <v>883</v>
      </c>
      <c r="G94" s="504"/>
      <c r="H94" s="483"/>
      <c r="I94" s="491" t="s">
        <v>2171</v>
      </c>
      <c r="J94" s="491" t="s">
        <v>2172</v>
      </c>
      <c r="K94" s="491" t="s">
        <v>119</v>
      </c>
      <c r="L94" s="273" t="s">
        <v>2173</v>
      </c>
      <c r="M94" s="491" t="s">
        <v>121</v>
      </c>
      <c r="N94" s="491" t="s">
        <v>121</v>
      </c>
      <c r="O94" s="491" t="s">
        <v>124</v>
      </c>
      <c r="P94" s="491" t="s">
        <v>120</v>
      </c>
      <c r="Q94" s="491" t="s">
        <v>126</v>
      </c>
      <c r="R94" s="491" t="s">
        <v>122</v>
      </c>
      <c r="S94" s="491" t="s">
        <v>121</v>
      </c>
      <c r="T94" s="265" t="s">
        <v>2178</v>
      </c>
      <c r="U94" s="265" t="s">
        <v>2179</v>
      </c>
      <c r="V94" s="491" t="s">
        <v>2180</v>
      </c>
      <c r="W94" s="491" t="s">
        <v>2181</v>
      </c>
      <c r="X94" s="491" t="s">
        <v>1919</v>
      </c>
    </row>
    <row r="95" spans="1:24" s="7" customFormat="1">
      <c r="A95" s="263"/>
      <c r="B95" s="479" t="s">
        <v>341</v>
      </c>
      <c r="C95" s="64"/>
      <c r="D95" s="271"/>
      <c r="E95" s="708"/>
      <c r="F95" s="523"/>
      <c r="G95" s="523"/>
      <c r="H95" s="263"/>
      <c r="I95" s="263"/>
      <c r="J95" s="263"/>
      <c r="K95" s="263"/>
      <c r="L95" s="518"/>
      <c r="M95" s="263"/>
      <c r="N95" s="263"/>
      <c r="O95" s="263"/>
      <c r="P95" s="263"/>
      <c r="Q95" s="263"/>
      <c r="R95" s="263"/>
      <c r="S95" s="263"/>
      <c r="T95" s="512"/>
      <c r="U95" s="512"/>
      <c r="V95" s="263"/>
      <c r="W95" s="263"/>
      <c r="X95" s="263"/>
    </row>
    <row r="96" spans="1:24" s="44" customFormat="1" ht="48" customHeight="1">
      <c r="A96" s="273" t="s">
        <v>343</v>
      </c>
      <c r="B96" s="273" t="s">
        <v>343</v>
      </c>
      <c r="C96" s="5"/>
      <c r="D96" s="265" t="s">
        <v>340</v>
      </c>
      <c r="E96" s="705" t="s">
        <v>89</v>
      </c>
      <c r="F96" s="484" t="s">
        <v>883</v>
      </c>
      <c r="G96" s="484" t="s">
        <v>884</v>
      </c>
      <c r="H96" s="483"/>
      <c r="I96" s="491"/>
      <c r="J96" s="468"/>
      <c r="K96" s="491"/>
      <c r="L96" s="273"/>
      <c r="M96" s="491"/>
      <c r="N96" s="491"/>
      <c r="O96" s="491"/>
      <c r="P96" s="491"/>
      <c r="Q96" s="491"/>
      <c r="R96" s="267"/>
      <c r="S96" s="267"/>
      <c r="T96" s="514"/>
      <c r="U96" s="514"/>
      <c r="V96" s="505"/>
      <c r="W96" s="506"/>
      <c r="X96" s="506"/>
    </row>
    <row r="97" spans="1:24" s="44" customFormat="1" ht="58.5" customHeight="1">
      <c r="A97" s="273" t="s">
        <v>344</v>
      </c>
      <c r="B97" s="273" t="s">
        <v>344</v>
      </c>
      <c r="C97" s="5"/>
      <c r="D97" s="265" t="s">
        <v>338</v>
      </c>
      <c r="E97" s="705" t="s">
        <v>89</v>
      </c>
      <c r="F97" s="484" t="s">
        <v>883</v>
      </c>
      <c r="G97" s="484" t="s">
        <v>884</v>
      </c>
      <c r="H97" s="483"/>
      <c r="I97" s="491"/>
      <c r="J97" s="468"/>
      <c r="K97" s="491"/>
      <c r="L97" s="273"/>
      <c r="M97" s="491"/>
      <c r="N97" s="491"/>
      <c r="O97" s="491"/>
      <c r="P97" s="491"/>
      <c r="Q97" s="491"/>
      <c r="R97" s="267"/>
      <c r="S97" s="267"/>
      <c r="T97" s="514"/>
      <c r="U97" s="514"/>
      <c r="V97" s="505"/>
      <c r="W97" s="506"/>
      <c r="X97" s="506"/>
    </row>
    <row r="98" spans="1:24" s="44" customFormat="1" ht="46.5" customHeight="1">
      <c r="A98" s="273" t="s">
        <v>345</v>
      </c>
      <c r="B98" s="273" t="s">
        <v>345</v>
      </c>
      <c r="C98" s="5"/>
      <c r="D98" s="265" t="s">
        <v>337</v>
      </c>
      <c r="E98" s="705" t="s">
        <v>89</v>
      </c>
      <c r="F98" s="484" t="s">
        <v>883</v>
      </c>
      <c r="G98" s="484" t="s">
        <v>884</v>
      </c>
      <c r="H98" s="483"/>
      <c r="I98" s="491"/>
      <c r="J98" s="468"/>
      <c r="K98" s="491"/>
      <c r="L98" s="273"/>
      <c r="M98" s="491"/>
      <c r="N98" s="491"/>
      <c r="O98" s="491"/>
      <c r="P98" s="491"/>
      <c r="Q98" s="491"/>
      <c r="R98" s="267"/>
      <c r="S98" s="267"/>
      <c r="T98" s="514"/>
      <c r="U98" s="514"/>
      <c r="V98" s="505"/>
      <c r="W98" s="506"/>
      <c r="X98" s="506"/>
    </row>
    <row r="99" spans="1:24" s="44" customFormat="1" ht="55.5" customHeight="1">
      <c r="A99" s="478" t="s">
        <v>346</v>
      </c>
      <c r="B99" s="478" t="s">
        <v>346</v>
      </c>
      <c r="C99" s="49"/>
      <c r="D99" s="272" t="s">
        <v>339</v>
      </c>
      <c r="E99" s="705" t="s">
        <v>89</v>
      </c>
      <c r="F99" s="484" t="s">
        <v>883</v>
      </c>
      <c r="G99" s="484" t="s">
        <v>884</v>
      </c>
      <c r="H99" s="483"/>
      <c r="I99" s="491"/>
      <c r="J99" s="468"/>
      <c r="K99" s="468"/>
      <c r="L99" s="273"/>
      <c r="M99" s="468"/>
      <c r="N99" s="468"/>
      <c r="O99" s="507"/>
      <c r="P99" s="507"/>
      <c r="Q99" s="507"/>
      <c r="R99" s="508"/>
      <c r="S99" s="508"/>
      <c r="T99" s="515"/>
      <c r="U99" s="515"/>
      <c r="V99" s="277"/>
      <c r="W99" s="506"/>
      <c r="X99" s="506"/>
    </row>
    <row r="100" spans="1:24" s="44" customFormat="1" ht="45" customHeight="1">
      <c r="A100" s="273" t="s">
        <v>325</v>
      </c>
      <c r="B100" s="273" t="s">
        <v>325</v>
      </c>
      <c r="C100" s="119"/>
      <c r="D100" s="273"/>
      <c r="E100" s="705" t="s">
        <v>89</v>
      </c>
      <c r="F100" s="492"/>
      <c r="G100" s="493"/>
      <c r="H100" s="483"/>
      <c r="I100" s="491"/>
      <c r="J100" s="468"/>
      <c r="K100" s="468"/>
      <c r="L100" s="273"/>
      <c r="M100" s="468"/>
      <c r="N100" s="468"/>
      <c r="O100" s="507"/>
      <c r="P100" s="507"/>
      <c r="Q100" s="507"/>
      <c r="R100" s="508"/>
      <c r="S100" s="508"/>
      <c r="T100" s="515"/>
      <c r="U100" s="515"/>
      <c r="V100" s="277"/>
      <c r="W100" s="506"/>
      <c r="X100" s="506"/>
    </row>
    <row r="101" spans="1:24" s="44" customFormat="1" ht="36.6" customHeight="1">
      <c r="A101" s="273" t="s">
        <v>326</v>
      </c>
      <c r="B101" s="273" t="s">
        <v>326</v>
      </c>
      <c r="C101" s="119"/>
      <c r="D101" s="273"/>
      <c r="E101" s="705" t="s">
        <v>89</v>
      </c>
      <c r="F101" s="492"/>
      <c r="G101" s="493"/>
      <c r="H101" s="483"/>
      <c r="I101" s="491"/>
      <c r="J101" s="468"/>
      <c r="K101" s="468"/>
      <c r="L101" s="273"/>
      <c r="M101" s="468"/>
      <c r="N101" s="468"/>
      <c r="O101" s="507"/>
      <c r="P101" s="507"/>
      <c r="Q101" s="507"/>
      <c r="R101" s="508"/>
      <c r="S101" s="508"/>
      <c r="T101" s="515"/>
      <c r="U101" s="515"/>
      <c r="V101" s="277"/>
      <c r="W101" s="506"/>
      <c r="X101" s="506"/>
    </row>
    <row r="102" spans="1:24" s="44" customFormat="1" ht="36.6" customHeight="1">
      <c r="A102" s="273" t="s">
        <v>327</v>
      </c>
      <c r="B102" s="273" t="s">
        <v>327</v>
      </c>
      <c r="C102" s="119"/>
      <c r="D102" s="273"/>
      <c r="E102" s="705" t="s">
        <v>89</v>
      </c>
      <c r="F102" s="492"/>
      <c r="G102" s="493"/>
      <c r="H102" s="483"/>
      <c r="I102" s="491"/>
      <c r="J102" s="468"/>
      <c r="K102" s="468"/>
      <c r="L102" s="273"/>
      <c r="M102" s="468"/>
      <c r="N102" s="468"/>
      <c r="O102" s="507"/>
      <c r="P102" s="507"/>
      <c r="Q102" s="507"/>
      <c r="R102" s="508"/>
      <c r="S102" s="508"/>
      <c r="T102" s="515"/>
      <c r="U102" s="515"/>
      <c r="V102" s="277"/>
      <c r="W102" s="506"/>
      <c r="X102" s="506"/>
    </row>
    <row r="103" spans="1:24" s="44" customFormat="1" ht="36.6" customHeight="1">
      <c r="A103" s="273" t="s">
        <v>328</v>
      </c>
      <c r="B103" s="273" t="s">
        <v>328</v>
      </c>
      <c r="C103" s="119"/>
      <c r="D103" s="273"/>
      <c r="E103" s="705" t="s">
        <v>89</v>
      </c>
      <c r="F103" s="492"/>
      <c r="G103" s="493"/>
      <c r="H103" s="483"/>
      <c r="I103" s="491"/>
      <c r="J103" s="468"/>
      <c r="K103" s="468"/>
      <c r="L103" s="273"/>
      <c r="M103" s="468"/>
      <c r="N103" s="468"/>
      <c r="O103" s="507"/>
      <c r="P103" s="507"/>
      <c r="Q103" s="507"/>
      <c r="R103" s="508"/>
      <c r="S103" s="508"/>
      <c r="T103" s="515"/>
      <c r="U103" s="515"/>
      <c r="V103" s="277"/>
      <c r="W103" s="506"/>
      <c r="X103" s="506"/>
    </row>
    <row r="104" spans="1:24" s="44" customFormat="1" ht="36.6" customHeight="1">
      <c r="A104" s="273" t="s">
        <v>329</v>
      </c>
      <c r="B104" s="273" t="s">
        <v>329</v>
      </c>
      <c r="C104" s="119"/>
      <c r="D104" s="273"/>
      <c r="E104" s="705" t="s">
        <v>89</v>
      </c>
      <c r="F104" s="492"/>
      <c r="G104" s="493"/>
      <c r="H104" s="483"/>
      <c r="I104" s="491"/>
      <c r="J104" s="468"/>
      <c r="K104" s="468"/>
      <c r="L104" s="273"/>
      <c r="M104" s="468"/>
      <c r="N104" s="468"/>
      <c r="O104" s="507"/>
      <c r="P104" s="507"/>
      <c r="Q104" s="507"/>
      <c r="R104" s="508"/>
      <c r="S104" s="508"/>
      <c r="T104" s="515"/>
      <c r="U104" s="515"/>
      <c r="V104" s="277"/>
      <c r="W104" s="506"/>
      <c r="X104" s="506"/>
    </row>
    <row r="105" spans="1:24" s="44" customFormat="1" ht="36.6" customHeight="1">
      <c r="A105" s="273" t="s">
        <v>330</v>
      </c>
      <c r="B105" s="273" t="s">
        <v>330</v>
      </c>
      <c r="C105" s="119"/>
      <c r="D105" s="273"/>
      <c r="E105" s="705" t="s">
        <v>89</v>
      </c>
      <c r="F105" s="492"/>
      <c r="G105" s="493"/>
      <c r="H105" s="483"/>
      <c r="I105" s="491"/>
      <c r="J105" s="468"/>
      <c r="K105" s="468"/>
      <c r="L105" s="273"/>
      <c r="M105" s="468"/>
      <c r="N105" s="468"/>
      <c r="O105" s="507"/>
      <c r="P105" s="507"/>
      <c r="Q105" s="507"/>
      <c r="R105" s="508"/>
      <c r="S105" s="508"/>
      <c r="T105" s="515"/>
      <c r="U105" s="515"/>
      <c r="V105" s="277"/>
      <c r="W105" s="506"/>
      <c r="X105" s="506"/>
    </row>
    <row r="106" spans="1:24" s="44" customFormat="1" ht="36.6" customHeight="1">
      <c r="A106" s="273" t="s">
        <v>331</v>
      </c>
      <c r="B106" s="273" t="s">
        <v>331</v>
      </c>
      <c r="C106" s="119"/>
      <c r="D106" s="273" t="s">
        <v>334</v>
      </c>
      <c r="E106" s="705" t="s">
        <v>89</v>
      </c>
      <c r="F106" s="492"/>
      <c r="G106" s="493"/>
      <c r="H106" s="483"/>
      <c r="I106" s="491"/>
      <c r="J106" s="468"/>
      <c r="K106" s="468"/>
      <c r="L106" s="273"/>
      <c r="M106" s="468"/>
      <c r="N106" s="468"/>
      <c r="O106" s="507"/>
      <c r="P106" s="507"/>
      <c r="Q106" s="507"/>
      <c r="R106" s="508"/>
      <c r="S106" s="508"/>
      <c r="T106" s="515"/>
      <c r="U106" s="515"/>
      <c r="V106" s="277"/>
      <c r="W106" s="506"/>
      <c r="X106" s="506"/>
    </row>
    <row r="107" spans="1:24" s="44" customFormat="1" ht="36.6" customHeight="1">
      <c r="A107" s="273" t="s">
        <v>332</v>
      </c>
      <c r="B107" s="273" t="s">
        <v>332</v>
      </c>
      <c r="C107" s="119"/>
      <c r="D107" s="273" t="s">
        <v>333</v>
      </c>
      <c r="E107" s="705" t="s">
        <v>89</v>
      </c>
      <c r="F107" s="492"/>
      <c r="G107" s="493"/>
      <c r="H107" s="483"/>
      <c r="I107" s="491"/>
      <c r="J107" s="468"/>
      <c r="K107" s="468"/>
      <c r="L107" s="273"/>
      <c r="M107" s="468"/>
      <c r="N107" s="468"/>
      <c r="O107" s="507"/>
      <c r="P107" s="507"/>
      <c r="Q107" s="507"/>
      <c r="R107" s="508"/>
      <c r="S107" s="508"/>
      <c r="T107" s="515"/>
      <c r="U107" s="515"/>
      <c r="V107" s="277"/>
      <c r="W107" s="506"/>
      <c r="X107" s="506"/>
    </row>
    <row r="108" spans="1:24" s="44" customFormat="1" ht="36.6" customHeight="1">
      <c r="A108" s="273" t="s">
        <v>347</v>
      </c>
      <c r="B108" s="273" t="s">
        <v>347</v>
      </c>
      <c r="C108" s="119"/>
      <c r="D108" s="273" t="s">
        <v>348</v>
      </c>
      <c r="E108" s="705" t="s">
        <v>89</v>
      </c>
      <c r="F108" s="492"/>
      <c r="G108" s="493"/>
      <c r="H108" s="483"/>
      <c r="I108" s="491"/>
      <c r="J108" s="468"/>
      <c r="K108" s="468"/>
      <c r="L108" s="273"/>
      <c r="M108" s="468"/>
      <c r="N108" s="468"/>
      <c r="O108" s="507"/>
      <c r="P108" s="507"/>
      <c r="Q108" s="507"/>
      <c r="R108" s="508"/>
      <c r="S108" s="508"/>
      <c r="T108" s="515"/>
      <c r="U108" s="515"/>
      <c r="V108" s="277"/>
      <c r="W108" s="506"/>
      <c r="X108" s="506"/>
    </row>
    <row r="109" spans="1:24" s="44" customFormat="1" ht="46.5" customHeight="1">
      <c r="A109" s="273" t="s">
        <v>335</v>
      </c>
      <c r="B109" s="273" t="s">
        <v>335</v>
      </c>
      <c r="C109" s="119"/>
      <c r="D109" s="273" t="s">
        <v>336</v>
      </c>
      <c r="E109" s="705" t="s">
        <v>89</v>
      </c>
      <c r="F109" s="492"/>
      <c r="G109" s="493"/>
      <c r="H109" s="483"/>
      <c r="I109" s="491"/>
      <c r="J109" s="468"/>
      <c r="K109" s="468"/>
      <c r="L109" s="273"/>
      <c r="M109" s="468"/>
      <c r="N109" s="468"/>
      <c r="O109" s="507"/>
      <c r="P109" s="507"/>
      <c r="Q109" s="507"/>
      <c r="R109" s="508"/>
      <c r="S109" s="508"/>
      <c r="T109" s="515"/>
      <c r="U109" s="515"/>
      <c r="V109" s="277"/>
      <c r="W109" s="506"/>
      <c r="X109" s="506"/>
    </row>
    <row r="110" spans="1:24">
      <c r="A110" s="274"/>
      <c r="B110" s="274"/>
      <c r="D110" s="275"/>
    </row>
    <row r="111" spans="1:24">
      <c r="A111" s="274"/>
      <c r="B111" s="274"/>
      <c r="D111" s="275"/>
    </row>
    <row r="112" spans="1:24">
      <c r="A112" s="274"/>
      <c r="B112" s="274"/>
      <c r="D112" s="276"/>
    </row>
  </sheetData>
  <mergeCells count="25">
    <mergeCell ref="D54:D55"/>
    <mergeCell ref="D17:D18"/>
    <mergeCell ref="C43:C44"/>
    <mergeCell ref="D35:D36"/>
    <mergeCell ref="D37:D38"/>
    <mergeCell ref="D43:D44"/>
    <mergeCell ref="D27:D28"/>
    <mergeCell ref="D31:D32"/>
    <mergeCell ref="D33:D34"/>
    <mergeCell ref="D39:D40"/>
    <mergeCell ref="D12:D13"/>
    <mergeCell ref="D52:D53"/>
    <mergeCell ref="D29:D30"/>
    <mergeCell ref="D41:D42"/>
    <mergeCell ref="D4:D5"/>
    <mergeCell ref="D6:D7"/>
    <mergeCell ref="D8:D9"/>
    <mergeCell ref="D46:D47"/>
    <mergeCell ref="D48:D49"/>
    <mergeCell ref="D50:D51"/>
    <mergeCell ref="D14:D15"/>
    <mergeCell ref="D19:D20"/>
    <mergeCell ref="D21:D22"/>
    <mergeCell ref="D23:D24"/>
    <mergeCell ref="D25:D26"/>
  </mergeCells>
  <phoneticPr fontId="6" type="noConversion"/>
  <hyperlinks>
    <hyperlink ref="A99" r:id="rId1"/>
    <hyperlink ref="B99" r:id="rId2"/>
  </hyperlinks>
  <pageMargins left="0.69930555555555596" right="0.69930555555555596" top="0.75" bottom="0.75" header="0.3" footer="0.3"/>
  <pageSetup paperSize="9" orientation="portrait" r:id="rId3"/>
  <drawing r:id="rId4"/>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33"/>
  <sheetViews>
    <sheetView workbookViewId="0">
      <pane xSplit="3" ySplit="1" topLeftCell="D11" activePane="bottomRight" state="frozen"/>
      <selection pane="topRight" activeCell="E1" sqref="E1"/>
      <selection pane="bottomLeft" activeCell="A2" sqref="A2"/>
      <selection pane="bottomRight" activeCell="E15" sqref="E15"/>
    </sheetView>
  </sheetViews>
  <sheetFormatPr defaultColWidth="9" defaultRowHeight="15"/>
  <cols>
    <col min="1" max="1" width="12.28515625" hidden="1" customWidth="1"/>
    <col min="2" max="2" width="23.28515625" customWidth="1"/>
    <col min="3" max="3" width="13.5703125" customWidth="1"/>
    <col min="4" max="4" width="37.140625" style="227" customWidth="1"/>
    <col min="5" max="5" width="11.28515625" style="716" customWidth="1"/>
    <col min="6" max="6" width="12.42578125" style="252" customWidth="1"/>
    <col min="7" max="7" width="16.28515625" style="252" customWidth="1"/>
    <col min="8" max="8" width="1.85546875" customWidth="1"/>
    <col min="9" max="9" width="8.42578125" customWidth="1"/>
    <col min="10" max="10" width="8.85546875" customWidth="1"/>
    <col min="11" max="11" width="4.42578125" bestFit="1" customWidth="1"/>
    <col min="12" max="12" width="5.28515625" customWidth="1"/>
    <col min="19" max="19" width="9" style="227"/>
    <col min="20" max="20" width="21.85546875" style="227" customWidth="1"/>
    <col min="21" max="21" width="31.42578125" customWidth="1"/>
  </cols>
  <sheetData>
    <row r="1" spans="1:21" s="51" customFormat="1" ht="31.5" customHeight="1">
      <c r="A1" s="54" t="s">
        <v>845</v>
      </c>
      <c r="B1" s="228" t="s">
        <v>835</v>
      </c>
      <c r="C1" s="228" t="s">
        <v>115</v>
      </c>
      <c r="D1" s="62" t="s">
        <v>828</v>
      </c>
      <c r="E1" s="710" t="s">
        <v>2848</v>
      </c>
      <c r="F1" s="249" t="s">
        <v>86</v>
      </c>
      <c r="G1" s="249" t="s">
        <v>88</v>
      </c>
      <c r="H1" s="55"/>
      <c r="I1" s="96" t="s">
        <v>844</v>
      </c>
      <c r="J1" s="97" t="s">
        <v>1857</v>
      </c>
      <c r="K1" s="98" t="s">
        <v>1858</v>
      </c>
      <c r="L1" s="98" t="s">
        <v>1859</v>
      </c>
      <c r="M1" s="98" t="s">
        <v>1860</v>
      </c>
      <c r="N1" s="98" t="s">
        <v>2641</v>
      </c>
      <c r="O1" s="98" t="s">
        <v>2642</v>
      </c>
      <c r="P1" s="97" t="s">
        <v>834</v>
      </c>
      <c r="Q1" s="99" t="s">
        <v>2643</v>
      </c>
      <c r="R1" s="99" t="s">
        <v>2644</v>
      </c>
      <c r="S1" s="98" t="s">
        <v>2645</v>
      </c>
      <c r="T1" s="225" t="s">
        <v>25</v>
      </c>
      <c r="U1" s="225" t="s">
        <v>24</v>
      </c>
    </row>
    <row r="2" spans="1:21" s="7" customFormat="1" ht="15.75">
      <c r="A2" s="68"/>
      <c r="B2" s="95" t="s">
        <v>104</v>
      </c>
      <c r="C2" s="116"/>
      <c r="D2" s="230"/>
      <c r="E2" s="711"/>
      <c r="F2" s="250"/>
      <c r="G2" s="250"/>
      <c r="H2" s="56"/>
      <c r="S2" s="226"/>
      <c r="T2" s="226"/>
    </row>
    <row r="3" spans="1:21" s="7" customFormat="1" ht="15.75">
      <c r="A3" s="452" t="s">
        <v>1833</v>
      </c>
      <c r="B3" s="452" t="s">
        <v>1833</v>
      </c>
      <c r="C3" s="82"/>
      <c r="D3" s="292"/>
      <c r="E3" s="712"/>
      <c r="F3" s="453"/>
      <c r="G3" s="82"/>
      <c r="H3" s="82"/>
      <c r="I3" s="82"/>
      <c r="J3" s="82"/>
      <c r="K3" s="82"/>
      <c r="L3" s="82"/>
      <c r="M3" s="82"/>
      <c r="N3" s="82"/>
      <c r="O3" s="82"/>
      <c r="P3" s="82"/>
      <c r="Q3" s="82"/>
      <c r="R3" s="82"/>
      <c r="S3" s="82"/>
      <c r="T3" s="82"/>
      <c r="U3" s="82"/>
    </row>
    <row r="4" spans="1:21" s="43" customFormat="1" ht="53.1" customHeight="1">
      <c r="A4" s="665" t="s">
        <v>1831</v>
      </c>
      <c r="B4" s="294" t="s">
        <v>1832</v>
      </c>
      <c r="C4" s="294"/>
      <c r="D4" s="670" t="s">
        <v>2706</v>
      </c>
      <c r="E4" s="705" t="s">
        <v>89</v>
      </c>
      <c r="F4" s="241"/>
      <c r="G4" s="241"/>
      <c r="H4" s="57"/>
      <c r="I4" s="643" t="s">
        <v>2650</v>
      </c>
      <c r="J4" s="640" t="s">
        <v>1959</v>
      </c>
      <c r="K4" s="641" t="s">
        <v>119</v>
      </c>
      <c r="L4" s="642" t="s">
        <v>2646</v>
      </c>
      <c r="M4" s="643" t="s">
        <v>121</v>
      </c>
      <c r="N4" s="643" t="s">
        <v>121</v>
      </c>
      <c r="O4" s="641" t="s">
        <v>124</v>
      </c>
      <c r="P4" s="644" t="s">
        <v>2647</v>
      </c>
      <c r="Q4" s="643" t="s">
        <v>120</v>
      </c>
      <c r="R4" s="643" t="s">
        <v>121</v>
      </c>
      <c r="S4" s="643" t="s">
        <v>121</v>
      </c>
      <c r="T4" s="642" t="s">
        <v>2648</v>
      </c>
      <c r="U4" s="642" t="s">
        <v>2649</v>
      </c>
    </row>
    <row r="5" spans="1:21" s="43" customFormat="1" ht="15.75">
      <c r="A5" s="452" t="s">
        <v>2612</v>
      </c>
      <c r="B5" s="82"/>
      <c r="C5" s="292"/>
      <c r="D5" s="671"/>
      <c r="E5" s="712"/>
      <c r="F5" s="680"/>
      <c r="G5" s="82"/>
      <c r="H5" s="82"/>
      <c r="I5" s="82"/>
      <c r="J5" s="82"/>
      <c r="K5" s="82"/>
      <c r="L5" s="82"/>
      <c r="M5" s="82"/>
      <c r="N5" s="82"/>
      <c r="O5" s="82"/>
      <c r="P5" s="82"/>
      <c r="Q5" s="82"/>
      <c r="R5" s="82"/>
      <c r="S5" s="82"/>
      <c r="T5" s="82"/>
      <c r="U5" s="82"/>
    </row>
    <row r="6" spans="1:21" s="43" customFormat="1" ht="68.099999999999994" customHeight="1">
      <c r="A6" s="652" t="s">
        <v>2639</v>
      </c>
      <c r="B6" s="652" t="s">
        <v>2640</v>
      </c>
      <c r="C6" s="294"/>
      <c r="D6" s="672" t="s">
        <v>2707</v>
      </c>
      <c r="E6" s="705" t="s">
        <v>89</v>
      </c>
      <c r="F6" s="241" t="s">
        <v>926</v>
      </c>
      <c r="G6" s="256"/>
      <c r="H6" s="57"/>
      <c r="I6" s="643" t="s">
        <v>2650</v>
      </c>
      <c r="J6" s="645" t="s">
        <v>33</v>
      </c>
      <c r="K6" s="646" t="s">
        <v>119</v>
      </c>
      <c r="L6" s="647" t="s">
        <v>2651</v>
      </c>
      <c r="M6" s="648" t="s">
        <v>120</v>
      </c>
      <c r="N6" s="648" t="s">
        <v>121</v>
      </c>
      <c r="O6" s="646" t="s">
        <v>124</v>
      </c>
      <c r="P6" s="649" t="s">
        <v>2647</v>
      </c>
      <c r="Q6" s="648" t="s">
        <v>120</v>
      </c>
      <c r="R6" s="648" t="s">
        <v>120</v>
      </c>
      <c r="S6" s="648" t="s">
        <v>121</v>
      </c>
      <c r="T6" s="647" t="s">
        <v>2652</v>
      </c>
      <c r="U6" s="650" t="s">
        <v>2701</v>
      </c>
    </row>
    <row r="7" spans="1:21" s="7" customFormat="1">
      <c r="A7" s="82"/>
      <c r="B7" s="81" t="s">
        <v>111</v>
      </c>
      <c r="C7" s="117"/>
      <c r="D7" s="673"/>
      <c r="E7" s="714"/>
      <c r="F7" s="681"/>
      <c r="G7" s="251"/>
      <c r="H7" s="251"/>
      <c r="I7" s="251"/>
      <c r="J7" s="251"/>
      <c r="K7" s="251"/>
      <c r="L7" s="251"/>
      <c r="M7" s="251"/>
      <c r="N7" s="251"/>
      <c r="O7" s="251"/>
      <c r="P7" s="251"/>
      <c r="Q7" s="251"/>
      <c r="R7" s="251"/>
      <c r="S7" s="251"/>
      <c r="T7" s="251"/>
      <c r="U7" s="251"/>
    </row>
    <row r="8" spans="1:21" s="43" customFormat="1" ht="54" customHeight="1">
      <c r="A8" s="666" t="s">
        <v>1890</v>
      </c>
      <c r="B8" s="667" t="s">
        <v>1891</v>
      </c>
      <c r="C8" s="461"/>
      <c r="D8" s="674" t="s">
        <v>2708</v>
      </c>
      <c r="E8" s="705" t="s">
        <v>89</v>
      </c>
      <c r="F8" s="241" t="s">
        <v>926</v>
      </c>
      <c r="G8" s="241"/>
      <c r="H8" s="57"/>
      <c r="I8" s="643" t="s">
        <v>2653</v>
      </c>
      <c r="J8" s="645" t="s">
        <v>2654</v>
      </c>
      <c r="K8" s="646" t="s">
        <v>119</v>
      </c>
      <c r="L8" s="647" t="s">
        <v>2655</v>
      </c>
      <c r="M8" s="648" t="s">
        <v>121</v>
      </c>
      <c r="N8" s="648" t="s">
        <v>121</v>
      </c>
      <c r="O8" s="646" t="s">
        <v>124</v>
      </c>
      <c r="P8" s="649" t="s">
        <v>120</v>
      </c>
      <c r="Q8" s="649" t="s">
        <v>126</v>
      </c>
      <c r="R8" s="649" t="s">
        <v>122</v>
      </c>
      <c r="S8" s="648" t="s">
        <v>121</v>
      </c>
      <c r="T8" s="647" t="s">
        <v>2656</v>
      </c>
      <c r="U8" s="650" t="s">
        <v>2657</v>
      </c>
    </row>
    <row r="9" spans="1:21" s="43" customFormat="1" ht="42.6" customHeight="1">
      <c r="A9" s="666" t="s">
        <v>1849</v>
      </c>
      <c r="B9" s="667" t="s">
        <v>1850</v>
      </c>
      <c r="C9" s="432"/>
      <c r="D9" s="674" t="s">
        <v>2709</v>
      </c>
      <c r="E9" s="705" t="s">
        <v>89</v>
      </c>
      <c r="F9" s="241" t="s">
        <v>926</v>
      </c>
      <c r="G9" s="241"/>
      <c r="H9" s="57"/>
      <c r="I9" s="643" t="s">
        <v>2653</v>
      </c>
      <c r="J9" s="645" t="s">
        <v>2658</v>
      </c>
      <c r="K9" s="646" t="s">
        <v>119</v>
      </c>
      <c r="L9" s="647" t="s">
        <v>2655</v>
      </c>
      <c r="M9" s="648" t="s">
        <v>121</v>
      </c>
      <c r="N9" s="648" t="s">
        <v>121</v>
      </c>
      <c r="O9" s="646" t="s">
        <v>124</v>
      </c>
      <c r="P9" s="649" t="s">
        <v>120</v>
      </c>
      <c r="Q9" s="649" t="s">
        <v>126</v>
      </c>
      <c r="R9" s="649" t="s">
        <v>122</v>
      </c>
      <c r="S9" s="648" t="s">
        <v>121</v>
      </c>
      <c r="T9" s="647" t="s">
        <v>2659</v>
      </c>
      <c r="U9" s="650" t="s">
        <v>2660</v>
      </c>
    </row>
    <row r="10" spans="1:21" s="43" customFormat="1" ht="42.6" customHeight="1">
      <c r="A10" s="666" t="s">
        <v>1851</v>
      </c>
      <c r="B10" s="667" t="s">
        <v>1852</v>
      </c>
      <c r="C10" s="432"/>
      <c r="D10" s="675" t="s">
        <v>2710</v>
      </c>
      <c r="E10" s="705" t="s">
        <v>89</v>
      </c>
      <c r="F10" s="241"/>
      <c r="G10" s="241"/>
      <c r="H10" s="57"/>
      <c r="I10" s="643" t="s">
        <v>2653</v>
      </c>
      <c r="J10" s="640" t="s">
        <v>2658</v>
      </c>
      <c r="K10" s="641" t="s">
        <v>119</v>
      </c>
      <c r="L10" s="642" t="s">
        <v>130</v>
      </c>
      <c r="M10" s="643" t="s">
        <v>121</v>
      </c>
      <c r="N10" s="643" t="s">
        <v>121</v>
      </c>
      <c r="O10" s="641" t="s">
        <v>124</v>
      </c>
      <c r="P10" s="644" t="s">
        <v>120</v>
      </c>
      <c r="Q10" s="644" t="s">
        <v>126</v>
      </c>
      <c r="R10" s="644" t="s">
        <v>122</v>
      </c>
      <c r="S10" s="643" t="s">
        <v>121</v>
      </c>
      <c r="T10" s="642" t="s">
        <v>2661</v>
      </c>
      <c r="U10" s="651" t="s">
        <v>2662</v>
      </c>
    </row>
    <row r="11" spans="1:21" s="43" customFormat="1" ht="42.6" customHeight="1">
      <c r="A11" s="666" t="s">
        <v>1855</v>
      </c>
      <c r="B11" s="667" t="s">
        <v>1856</v>
      </c>
      <c r="C11" s="427"/>
      <c r="D11" s="674" t="s">
        <v>2711</v>
      </c>
      <c r="E11" s="705" t="s">
        <v>89</v>
      </c>
      <c r="F11" s="241" t="s">
        <v>926</v>
      </c>
      <c r="G11" s="241"/>
      <c r="H11" s="57"/>
      <c r="I11" s="643" t="s">
        <v>2653</v>
      </c>
      <c r="J11" s="645" t="s">
        <v>2654</v>
      </c>
      <c r="K11" s="646" t="s">
        <v>119</v>
      </c>
      <c r="L11" s="647" t="s">
        <v>130</v>
      </c>
      <c r="M11" s="648" t="s">
        <v>121</v>
      </c>
      <c r="N11" s="648" t="s">
        <v>121</v>
      </c>
      <c r="O11" s="646" t="s">
        <v>124</v>
      </c>
      <c r="P11" s="649" t="s">
        <v>120</v>
      </c>
      <c r="Q11" s="649" t="s">
        <v>126</v>
      </c>
      <c r="R11" s="649" t="s">
        <v>122</v>
      </c>
      <c r="S11" s="648" t="s">
        <v>121</v>
      </c>
      <c r="T11" s="647" t="s">
        <v>2663</v>
      </c>
      <c r="U11" s="650" t="s">
        <v>2664</v>
      </c>
    </row>
    <row r="12" spans="1:21" s="43" customFormat="1" ht="52.5" customHeight="1">
      <c r="A12" s="4" t="s">
        <v>1892</v>
      </c>
      <c r="B12" s="93" t="s">
        <v>1893</v>
      </c>
      <c r="C12" s="106"/>
      <c r="D12" s="676" t="s">
        <v>2714</v>
      </c>
      <c r="E12" s="705" t="s">
        <v>89</v>
      </c>
      <c r="F12" s="241" t="s">
        <v>926</v>
      </c>
      <c r="G12" s="241"/>
      <c r="H12" s="57"/>
      <c r="I12" s="643" t="s">
        <v>2653</v>
      </c>
      <c r="J12" s="647" t="s">
        <v>2654</v>
      </c>
      <c r="K12" s="646" t="s">
        <v>119</v>
      </c>
      <c r="L12" s="645" t="s">
        <v>2686</v>
      </c>
      <c r="M12" s="648" t="s">
        <v>121</v>
      </c>
      <c r="N12" s="648" t="s">
        <v>121</v>
      </c>
      <c r="O12" s="646" t="s">
        <v>124</v>
      </c>
      <c r="P12" s="649" t="s">
        <v>120</v>
      </c>
      <c r="Q12" s="649" t="s">
        <v>126</v>
      </c>
      <c r="R12" s="649" t="s">
        <v>2675</v>
      </c>
      <c r="S12" s="648" t="s">
        <v>121</v>
      </c>
      <c r="T12" s="647" t="s">
        <v>2687</v>
      </c>
      <c r="U12" s="650" t="s">
        <v>2700</v>
      </c>
    </row>
    <row r="13" spans="1:21" s="43" customFormat="1" ht="42.6" customHeight="1">
      <c r="A13" s="669" t="s">
        <v>961</v>
      </c>
      <c r="B13" s="669" t="s">
        <v>962</v>
      </c>
      <c r="C13" s="5"/>
      <c r="D13" s="676" t="s">
        <v>2721</v>
      </c>
      <c r="E13" s="705" t="s">
        <v>89</v>
      </c>
      <c r="F13" s="241" t="s">
        <v>926</v>
      </c>
      <c r="G13" s="241"/>
      <c r="H13" s="57"/>
      <c r="I13" s="643" t="s">
        <v>2653</v>
      </c>
      <c r="J13" s="645" t="s">
        <v>2666</v>
      </c>
      <c r="K13" s="646" t="s">
        <v>119</v>
      </c>
      <c r="L13" s="645" t="s">
        <v>123</v>
      </c>
      <c r="M13" s="648" t="s">
        <v>2668</v>
      </c>
      <c r="N13" s="648" t="s">
        <v>2668</v>
      </c>
      <c r="O13" s="646" t="s">
        <v>124</v>
      </c>
      <c r="P13" s="662" t="s">
        <v>2669</v>
      </c>
      <c r="Q13" s="662" t="s">
        <v>2670</v>
      </c>
      <c r="R13" s="649" t="s">
        <v>2671</v>
      </c>
      <c r="S13" s="648" t="s">
        <v>121</v>
      </c>
      <c r="T13" s="647" t="s">
        <v>2679</v>
      </c>
      <c r="U13" s="647" t="s">
        <v>2680</v>
      </c>
    </row>
    <row r="14" spans="1:21" s="43" customFormat="1" ht="42.6" customHeight="1">
      <c r="A14" s="4" t="s">
        <v>1894</v>
      </c>
      <c r="B14" s="93" t="s">
        <v>1895</v>
      </c>
      <c r="C14" s="248"/>
      <c r="D14" s="676" t="s">
        <v>2723</v>
      </c>
      <c r="E14" s="705" t="s">
        <v>89</v>
      </c>
      <c r="F14" s="241" t="s">
        <v>926</v>
      </c>
      <c r="G14" s="241"/>
      <c r="H14" s="57"/>
      <c r="I14" s="648" t="s">
        <v>2665</v>
      </c>
      <c r="J14" s="645" t="s">
        <v>33</v>
      </c>
      <c r="K14" s="646" t="s">
        <v>119</v>
      </c>
      <c r="L14" s="645" t="s">
        <v>130</v>
      </c>
      <c r="M14" s="648" t="s">
        <v>2668</v>
      </c>
      <c r="N14" s="648" t="s">
        <v>2668</v>
      </c>
      <c r="O14" s="646" t="s">
        <v>124</v>
      </c>
      <c r="P14" s="649" t="s">
        <v>120</v>
      </c>
      <c r="Q14" s="649" t="s">
        <v>126</v>
      </c>
      <c r="R14" s="649" t="s">
        <v>2671</v>
      </c>
      <c r="S14" s="648" t="s">
        <v>121</v>
      </c>
      <c r="T14" s="647" t="s">
        <v>2691</v>
      </c>
      <c r="U14" s="650" t="s">
        <v>2696</v>
      </c>
    </row>
    <row r="15" spans="1:21" s="43" customFormat="1" ht="42.6" customHeight="1">
      <c r="A15" s="668" t="s">
        <v>959</v>
      </c>
      <c r="B15" s="669" t="s">
        <v>960</v>
      </c>
      <c r="C15" s="5"/>
      <c r="D15" s="676" t="s">
        <v>2716</v>
      </c>
      <c r="E15" s="705" t="s">
        <v>89</v>
      </c>
      <c r="F15" s="241" t="s">
        <v>926</v>
      </c>
      <c r="G15" s="241"/>
      <c r="H15" s="57"/>
      <c r="I15" s="653" t="s">
        <v>2665</v>
      </c>
      <c r="J15" s="647" t="s">
        <v>2654</v>
      </c>
      <c r="K15" s="646" t="s">
        <v>119</v>
      </c>
      <c r="L15" s="645" t="s">
        <v>2674</v>
      </c>
      <c r="M15" s="648" t="s">
        <v>121</v>
      </c>
      <c r="N15" s="648" t="s">
        <v>121</v>
      </c>
      <c r="O15" s="646" t="s">
        <v>124</v>
      </c>
      <c r="P15" s="649" t="s">
        <v>120</v>
      </c>
      <c r="Q15" s="649" t="s">
        <v>126</v>
      </c>
      <c r="R15" s="649" t="s">
        <v>2675</v>
      </c>
      <c r="S15" s="648" t="s">
        <v>121</v>
      </c>
      <c r="T15" s="647" t="s">
        <v>2676</v>
      </c>
      <c r="U15" s="659" t="s">
        <v>2677</v>
      </c>
    </row>
    <row r="16" spans="1:21" s="43" customFormat="1" ht="42.95" customHeight="1">
      <c r="A16" s="4" t="s">
        <v>965</v>
      </c>
      <c r="B16" s="93" t="s">
        <v>966</v>
      </c>
      <c r="C16" s="248"/>
      <c r="D16" s="676" t="s">
        <v>2719</v>
      </c>
      <c r="E16" s="705" t="s">
        <v>89</v>
      </c>
      <c r="F16" s="241" t="s">
        <v>926</v>
      </c>
      <c r="G16" s="241"/>
      <c r="H16" s="57"/>
      <c r="I16" s="648" t="s">
        <v>2665</v>
      </c>
      <c r="J16" s="647" t="s">
        <v>2658</v>
      </c>
      <c r="K16" s="646" t="s">
        <v>119</v>
      </c>
      <c r="L16" s="645" t="s">
        <v>2693</v>
      </c>
      <c r="M16" s="648" t="s">
        <v>121</v>
      </c>
      <c r="N16" s="648" t="s">
        <v>121</v>
      </c>
      <c r="O16" s="646" t="s">
        <v>124</v>
      </c>
      <c r="P16" s="649" t="s">
        <v>120</v>
      </c>
      <c r="Q16" s="649" t="s">
        <v>126</v>
      </c>
      <c r="R16" s="649" t="s">
        <v>2675</v>
      </c>
      <c r="S16" s="648" t="s">
        <v>121</v>
      </c>
      <c r="T16" s="647" t="s">
        <v>2694</v>
      </c>
      <c r="U16" s="659" t="s">
        <v>2698</v>
      </c>
    </row>
    <row r="17" spans="1:21" s="43" customFormat="1" ht="42.6" customHeight="1">
      <c r="A17" s="4" t="s">
        <v>1896</v>
      </c>
      <c r="B17" s="93" t="s">
        <v>1897</v>
      </c>
      <c r="C17" s="248"/>
      <c r="D17" s="676" t="s">
        <v>2718</v>
      </c>
      <c r="E17" s="705" t="s">
        <v>89</v>
      </c>
      <c r="F17" s="241" t="s">
        <v>926</v>
      </c>
      <c r="G17" s="241"/>
      <c r="H17" s="57"/>
      <c r="I17" s="648" t="s">
        <v>2665</v>
      </c>
      <c r="J17" s="647" t="s">
        <v>132</v>
      </c>
      <c r="K17" s="646" t="s">
        <v>119</v>
      </c>
      <c r="L17" s="645" t="s">
        <v>2674</v>
      </c>
      <c r="M17" s="648" t="s">
        <v>121</v>
      </c>
      <c r="N17" s="648" t="s">
        <v>121</v>
      </c>
      <c r="O17" s="646" t="s">
        <v>124</v>
      </c>
      <c r="P17" s="649" t="s">
        <v>120</v>
      </c>
      <c r="Q17" s="649" t="s">
        <v>126</v>
      </c>
      <c r="R17" s="649" t="s">
        <v>2675</v>
      </c>
      <c r="S17" s="648" t="s">
        <v>121</v>
      </c>
      <c r="T17" s="647" t="s">
        <v>2692</v>
      </c>
      <c r="U17" s="659" t="s">
        <v>2697</v>
      </c>
    </row>
    <row r="18" spans="1:21" s="44" customFormat="1" ht="50.45" customHeight="1">
      <c r="A18" s="4" t="s">
        <v>1898</v>
      </c>
      <c r="B18" s="93" t="s">
        <v>1899</v>
      </c>
      <c r="C18" s="462"/>
      <c r="D18" s="676" t="s">
        <v>2717</v>
      </c>
      <c r="E18" s="705" t="s">
        <v>89</v>
      </c>
      <c r="F18" s="241" t="s">
        <v>926</v>
      </c>
      <c r="G18" s="256"/>
      <c r="H18" s="57"/>
      <c r="I18" s="648" t="s">
        <v>2665</v>
      </c>
      <c r="J18" s="647" t="s">
        <v>125</v>
      </c>
      <c r="K18" s="646" t="s">
        <v>119</v>
      </c>
      <c r="L18" s="645" t="s">
        <v>2674</v>
      </c>
      <c r="M18" s="648" t="s">
        <v>121</v>
      </c>
      <c r="N18" s="648" t="s">
        <v>121</v>
      </c>
      <c r="O18" s="646" t="s">
        <v>124</v>
      </c>
      <c r="P18" s="649" t="s">
        <v>120</v>
      </c>
      <c r="Q18" s="649" t="s">
        <v>126</v>
      </c>
      <c r="R18" s="649" t="s">
        <v>2675</v>
      </c>
      <c r="S18" s="648" t="s">
        <v>121</v>
      </c>
      <c r="T18" s="647" t="s">
        <v>2695</v>
      </c>
      <c r="U18" s="659" t="s">
        <v>2699</v>
      </c>
    </row>
    <row r="19" spans="1:21" s="43" customFormat="1" ht="42.6" customHeight="1">
      <c r="A19" s="4" t="s">
        <v>832</v>
      </c>
      <c r="B19" s="93" t="s">
        <v>833</v>
      </c>
      <c r="C19" s="106"/>
      <c r="D19" s="676" t="s">
        <v>2712</v>
      </c>
      <c r="E19" s="705" t="s">
        <v>89</v>
      </c>
      <c r="F19" s="241" t="s">
        <v>2678</v>
      </c>
      <c r="G19" s="241"/>
      <c r="H19" s="57"/>
      <c r="I19" s="643" t="s">
        <v>2653</v>
      </c>
      <c r="J19" s="661" t="s">
        <v>33</v>
      </c>
      <c r="K19" s="655" t="s">
        <v>119</v>
      </c>
      <c r="L19" s="660" t="s">
        <v>2686</v>
      </c>
      <c r="M19" s="653" t="s">
        <v>121</v>
      </c>
      <c r="N19" s="653" t="s">
        <v>121</v>
      </c>
      <c r="O19" s="655" t="s">
        <v>124</v>
      </c>
      <c r="P19" s="657" t="s">
        <v>120</v>
      </c>
      <c r="Q19" s="657" t="s">
        <v>126</v>
      </c>
      <c r="R19" s="657" t="s">
        <v>122</v>
      </c>
      <c r="S19" s="653" t="s">
        <v>120</v>
      </c>
      <c r="T19" s="661" t="s">
        <v>2688</v>
      </c>
      <c r="U19" s="663" t="s">
        <v>2689</v>
      </c>
    </row>
    <row r="20" spans="1:21" s="44" customFormat="1" ht="42.6" customHeight="1">
      <c r="A20" s="4" t="s">
        <v>8</v>
      </c>
      <c r="B20" s="93" t="s">
        <v>817</v>
      </c>
      <c r="C20" s="106"/>
      <c r="D20" s="677" t="s">
        <v>2713</v>
      </c>
      <c r="E20" s="705" t="s">
        <v>89</v>
      </c>
      <c r="F20" s="241" t="s">
        <v>2678</v>
      </c>
      <c r="G20" s="241"/>
      <c r="H20" s="57"/>
      <c r="I20" s="643" t="s">
        <v>2653</v>
      </c>
      <c r="J20" s="661" t="s">
        <v>33</v>
      </c>
      <c r="K20" s="655" t="s">
        <v>119</v>
      </c>
      <c r="L20" s="660" t="s">
        <v>130</v>
      </c>
      <c r="M20" s="653" t="s">
        <v>121</v>
      </c>
      <c r="N20" s="653" t="s">
        <v>121</v>
      </c>
      <c r="O20" s="655" t="s">
        <v>124</v>
      </c>
      <c r="P20" s="653" t="s">
        <v>120</v>
      </c>
      <c r="Q20" s="664" t="s">
        <v>126</v>
      </c>
      <c r="R20" s="657" t="s">
        <v>122</v>
      </c>
      <c r="S20" s="653" t="s">
        <v>121</v>
      </c>
      <c r="T20" s="661" t="s">
        <v>875</v>
      </c>
      <c r="U20" s="663" t="s">
        <v>2690</v>
      </c>
    </row>
    <row r="21" spans="1:21" s="43" customFormat="1" ht="42.6" customHeight="1">
      <c r="A21" s="668" t="s">
        <v>151</v>
      </c>
      <c r="B21" s="669" t="s">
        <v>816</v>
      </c>
      <c r="C21" s="106"/>
      <c r="D21" s="677" t="s">
        <v>2715</v>
      </c>
      <c r="E21" s="705" t="s">
        <v>89</v>
      </c>
      <c r="F21" s="241" t="s">
        <v>2678</v>
      </c>
      <c r="G21" s="241"/>
      <c r="H21" s="57"/>
      <c r="I21" s="653" t="s">
        <v>2665</v>
      </c>
      <c r="J21" s="654" t="s">
        <v>2654</v>
      </c>
      <c r="K21" s="654" t="s">
        <v>2667</v>
      </c>
      <c r="L21" s="654" t="s">
        <v>2683</v>
      </c>
      <c r="M21" s="653" t="s">
        <v>2668</v>
      </c>
      <c r="N21" s="653" t="s">
        <v>2668</v>
      </c>
      <c r="O21" s="655" t="s">
        <v>124</v>
      </c>
      <c r="P21" s="656" t="s">
        <v>2669</v>
      </c>
      <c r="Q21" s="656" t="s">
        <v>2670</v>
      </c>
      <c r="R21" s="657" t="s">
        <v>2671</v>
      </c>
      <c r="S21" s="653" t="s">
        <v>121</v>
      </c>
      <c r="T21" s="658" t="s">
        <v>2684</v>
      </c>
      <c r="U21" s="658" t="s">
        <v>2685</v>
      </c>
    </row>
    <row r="22" spans="1:21" s="43" customFormat="1" ht="52.5" customHeight="1">
      <c r="A22" s="669" t="s">
        <v>941</v>
      </c>
      <c r="B22" s="669" t="s">
        <v>942</v>
      </c>
      <c r="C22" s="5"/>
      <c r="D22" s="677" t="s">
        <v>2722</v>
      </c>
      <c r="E22" s="705" t="s">
        <v>89</v>
      </c>
      <c r="F22" s="241" t="s">
        <v>2678</v>
      </c>
      <c r="G22" s="241"/>
      <c r="H22" s="57"/>
      <c r="I22" s="653" t="s">
        <v>2665</v>
      </c>
      <c r="J22" s="660" t="s">
        <v>2654</v>
      </c>
      <c r="K22" s="654" t="s">
        <v>2667</v>
      </c>
      <c r="L22" s="660" t="s">
        <v>2674</v>
      </c>
      <c r="M22" s="653" t="s">
        <v>2668</v>
      </c>
      <c r="N22" s="653" t="s">
        <v>2668</v>
      </c>
      <c r="O22" s="655" t="s">
        <v>124</v>
      </c>
      <c r="P22" s="655" t="s">
        <v>124</v>
      </c>
      <c r="Q22" s="656" t="s">
        <v>2670</v>
      </c>
      <c r="R22" s="657" t="s">
        <v>2675</v>
      </c>
      <c r="S22" s="653" t="s">
        <v>121</v>
      </c>
      <c r="T22" s="658" t="s">
        <v>2681</v>
      </c>
      <c r="U22" s="658" t="s">
        <v>2682</v>
      </c>
    </row>
    <row r="23" spans="1:21" s="43" customFormat="1" ht="42.6" customHeight="1">
      <c r="A23" s="668" t="s">
        <v>149</v>
      </c>
      <c r="B23" s="669" t="s">
        <v>815</v>
      </c>
      <c r="C23" s="5"/>
      <c r="D23" s="677" t="s">
        <v>2720</v>
      </c>
      <c r="E23" s="705" t="s">
        <v>89</v>
      </c>
      <c r="F23" s="241" t="s">
        <v>2678</v>
      </c>
      <c r="G23" s="241"/>
      <c r="H23" s="57"/>
      <c r="I23" s="653" t="s">
        <v>2665</v>
      </c>
      <c r="J23" s="654" t="s">
        <v>2666</v>
      </c>
      <c r="K23" s="654" t="s">
        <v>2667</v>
      </c>
      <c r="L23" s="654" t="s">
        <v>131</v>
      </c>
      <c r="M23" s="653" t="s">
        <v>2668</v>
      </c>
      <c r="N23" s="653" t="s">
        <v>2668</v>
      </c>
      <c r="O23" s="655" t="s">
        <v>124</v>
      </c>
      <c r="P23" s="656" t="s">
        <v>2669</v>
      </c>
      <c r="Q23" s="656" t="s">
        <v>2670</v>
      </c>
      <c r="R23" s="657" t="s">
        <v>2671</v>
      </c>
      <c r="S23" s="653" t="s">
        <v>121</v>
      </c>
      <c r="T23" s="658" t="s">
        <v>2672</v>
      </c>
      <c r="U23" s="658" t="s">
        <v>2673</v>
      </c>
    </row>
    <row r="24" spans="1:21" s="7" customFormat="1">
      <c r="A24" s="82"/>
      <c r="B24" s="81" t="s">
        <v>876</v>
      </c>
      <c r="C24" s="117"/>
      <c r="D24" s="673"/>
      <c r="E24" s="715"/>
      <c r="F24" s="682"/>
      <c r="G24" s="251"/>
      <c r="H24" s="251"/>
      <c r="I24" s="251"/>
      <c r="J24" s="251"/>
      <c r="K24" s="251"/>
      <c r="L24" s="251"/>
      <c r="M24" s="251"/>
      <c r="N24" s="251"/>
      <c r="O24" s="251"/>
      <c r="P24" s="251"/>
      <c r="Q24" s="251"/>
      <c r="R24" s="251"/>
      <c r="S24" s="251"/>
      <c r="T24" s="251"/>
      <c r="U24" s="251"/>
    </row>
    <row r="25" spans="1:21" s="7" customFormat="1" ht="50.1" customHeight="1">
      <c r="A25" s="107" t="s">
        <v>1888</v>
      </c>
      <c r="B25" s="93" t="s">
        <v>1889</v>
      </c>
      <c r="C25" s="106"/>
      <c r="D25" s="676" t="s">
        <v>2724</v>
      </c>
      <c r="E25" s="705" t="s">
        <v>89</v>
      </c>
      <c r="F25" s="241" t="s">
        <v>926</v>
      </c>
      <c r="G25" s="241"/>
      <c r="H25" s="57"/>
      <c r="I25" s="679" t="s">
        <v>2702</v>
      </c>
      <c r="J25" s="278" t="s">
        <v>2658</v>
      </c>
      <c r="K25" s="277" t="s">
        <v>2667</v>
      </c>
      <c r="L25" s="277" t="s">
        <v>2703</v>
      </c>
      <c r="M25" s="278" t="s">
        <v>120</v>
      </c>
      <c r="N25" s="278" t="s">
        <v>2668</v>
      </c>
      <c r="O25" s="278" t="s">
        <v>124</v>
      </c>
      <c r="P25" s="278" t="s">
        <v>2669</v>
      </c>
      <c r="Q25" s="278" t="s">
        <v>2670</v>
      </c>
      <c r="R25" s="282" t="s">
        <v>2675</v>
      </c>
      <c r="S25" s="278" t="s">
        <v>121</v>
      </c>
      <c r="T25" s="279" t="s">
        <v>2704</v>
      </c>
      <c r="U25" s="279" t="s">
        <v>2705</v>
      </c>
    </row>
    <row r="26" spans="1:21" s="43" customFormat="1" ht="53.1" customHeight="1">
      <c r="A26" s="121" t="s">
        <v>943</v>
      </c>
      <c r="B26" s="93" t="s">
        <v>943</v>
      </c>
      <c r="C26" s="106"/>
      <c r="D26" s="677" t="s">
        <v>2727</v>
      </c>
      <c r="E26" s="705" t="s">
        <v>89</v>
      </c>
      <c r="F26" s="241" t="s">
        <v>926</v>
      </c>
      <c r="G26" s="241"/>
      <c r="H26" s="57"/>
      <c r="I26" s="679" t="s">
        <v>2729</v>
      </c>
      <c r="J26" s="278" t="s">
        <v>132</v>
      </c>
      <c r="K26" s="277" t="s">
        <v>150</v>
      </c>
      <c r="L26" s="277" t="s">
        <v>880</v>
      </c>
      <c r="M26" s="278" t="s">
        <v>120</v>
      </c>
      <c r="N26" s="278" t="s">
        <v>121</v>
      </c>
      <c r="O26" s="278" t="s">
        <v>124</v>
      </c>
      <c r="P26" s="278" t="s">
        <v>120</v>
      </c>
      <c r="Q26" s="278" t="s">
        <v>126</v>
      </c>
      <c r="R26" s="282" t="s">
        <v>342</v>
      </c>
      <c r="S26" s="278" t="s">
        <v>120</v>
      </c>
      <c r="T26" s="279" t="s">
        <v>944</v>
      </c>
      <c r="U26" s="279" t="s">
        <v>945</v>
      </c>
    </row>
    <row r="27" spans="1:21" s="43" customFormat="1" ht="53.1" customHeight="1">
      <c r="A27" s="107" t="s">
        <v>152</v>
      </c>
      <c r="B27" s="93" t="s">
        <v>818</v>
      </c>
      <c r="C27" s="106"/>
      <c r="D27" s="677" t="s">
        <v>2725</v>
      </c>
      <c r="E27" s="705" t="s">
        <v>89</v>
      </c>
      <c r="F27" s="241" t="s">
        <v>2678</v>
      </c>
      <c r="G27" s="241"/>
      <c r="H27" s="57"/>
      <c r="I27" s="679" t="s">
        <v>2729</v>
      </c>
      <c r="J27" s="278" t="s">
        <v>33</v>
      </c>
      <c r="K27" s="277" t="s">
        <v>150</v>
      </c>
      <c r="L27" s="277" t="s">
        <v>877</v>
      </c>
      <c r="M27" s="278" t="s">
        <v>120</v>
      </c>
      <c r="N27" s="278" t="s">
        <v>121</v>
      </c>
      <c r="O27" s="278" t="s">
        <v>124</v>
      </c>
      <c r="P27" s="278" t="s">
        <v>120</v>
      </c>
      <c r="Q27" s="278" t="s">
        <v>126</v>
      </c>
      <c r="R27" s="282" t="s">
        <v>342</v>
      </c>
      <c r="S27" s="278" t="s">
        <v>120</v>
      </c>
      <c r="T27" s="279" t="s">
        <v>878</v>
      </c>
      <c r="U27" s="279" t="s">
        <v>879</v>
      </c>
    </row>
    <row r="28" spans="1:21" s="43" customFormat="1" ht="53.1" customHeight="1">
      <c r="A28" s="121" t="s">
        <v>350</v>
      </c>
      <c r="B28" s="93" t="s">
        <v>819</v>
      </c>
      <c r="C28" s="106"/>
      <c r="D28" s="677" t="s">
        <v>2726</v>
      </c>
      <c r="E28" s="705" t="s">
        <v>89</v>
      </c>
      <c r="F28" s="241" t="s">
        <v>2678</v>
      </c>
      <c r="G28" s="241"/>
      <c r="H28" s="57"/>
      <c r="I28" s="679" t="s">
        <v>2729</v>
      </c>
      <c r="J28" s="278" t="s">
        <v>33</v>
      </c>
      <c r="K28" s="277" t="s">
        <v>150</v>
      </c>
      <c r="L28" s="277" t="s">
        <v>880</v>
      </c>
      <c r="M28" s="278" t="s">
        <v>120</v>
      </c>
      <c r="N28" s="278" t="s">
        <v>121</v>
      </c>
      <c r="O28" s="278" t="s">
        <v>124</v>
      </c>
      <c r="P28" s="278" t="s">
        <v>120</v>
      </c>
      <c r="Q28" s="278" t="s">
        <v>126</v>
      </c>
      <c r="R28" s="282" t="s">
        <v>342</v>
      </c>
      <c r="S28" s="278" t="s">
        <v>120</v>
      </c>
      <c r="T28" s="279" t="s">
        <v>881</v>
      </c>
      <c r="U28" s="279" t="s">
        <v>882</v>
      </c>
    </row>
    <row r="29" spans="1:21" s="7" customFormat="1">
      <c r="A29" s="82"/>
      <c r="B29" s="81" t="s">
        <v>855</v>
      </c>
      <c r="C29" s="117"/>
      <c r="D29" s="673"/>
      <c r="E29" s="714"/>
      <c r="F29" s="251"/>
      <c r="G29" s="251"/>
      <c r="H29" s="58"/>
      <c r="I29" s="277"/>
      <c r="J29" s="277"/>
      <c r="K29" s="277"/>
      <c r="L29" s="277"/>
      <c r="M29" s="277"/>
      <c r="N29" s="277"/>
      <c r="O29" s="277"/>
      <c r="P29" s="281"/>
      <c r="Q29" s="281"/>
      <c r="R29" s="281"/>
      <c r="S29" s="276"/>
      <c r="T29" s="276"/>
      <c r="U29"/>
    </row>
    <row r="30" spans="1:21" ht="70.5" customHeight="1">
      <c r="A30" s="247" t="s">
        <v>903</v>
      </c>
      <c r="B30" s="93" t="s">
        <v>904</v>
      </c>
      <c r="C30" s="248"/>
      <c r="D30" s="677" t="s">
        <v>2728</v>
      </c>
      <c r="E30" s="705" t="s">
        <v>89</v>
      </c>
      <c r="F30" s="241"/>
      <c r="G30" s="241"/>
      <c r="I30" s="274"/>
      <c r="J30" s="274" t="s">
        <v>946</v>
      </c>
      <c r="K30" s="274" t="s">
        <v>150</v>
      </c>
      <c r="L30" s="277" t="s">
        <v>131</v>
      </c>
      <c r="M30" s="274" t="s">
        <v>121</v>
      </c>
      <c r="N30" s="274" t="s">
        <v>121</v>
      </c>
      <c r="O30" s="274" t="s">
        <v>124</v>
      </c>
      <c r="P30" s="281" t="s">
        <v>120</v>
      </c>
      <c r="Q30" s="281" t="s">
        <v>126</v>
      </c>
      <c r="R30" s="281" t="s">
        <v>122</v>
      </c>
      <c r="S30" s="281" t="s">
        <v>121</v>
      </c>
      <c r="T30" s="276" t="s">
        <v>947</v>
      </c>
      <c r="U30" s="276" t="s">
        <v>948</v>
      </c>
    </row>
    <row r="31" spans="1:21" ht="70.5" customHeight="1">
      <c r="A31" s="247" t="s">
        <v>905</v>
      </c>
      <c r="B31" s="93" t="s">
        <v>906</v>
      </c>
      <c r="C31" s="106"/>
      <c r="D31" s="676" t="s">
        <v>913</v>
      </c>
      <c r="E31" s="705" t="s">
        <v>89</v>
      </c>
      <c r="F31" s="241"/>
      <c r="G31" s="241"/>
      <c r="I31" s="274"/>
      <c r="J31" s="274" t="s">
        <v>949</v>
      </c>
      <c r="K31" s="274" t="s">
        <v>150</v>
      </c>
      <c r="L31" s="277" t="s">
        <v>950</v>
      </c>
      <c r="M31" s="274" t="s">
        <v>124</v>
      </c>
      <c r="N31" s="274" t="s">
        <v>121</v>
      </c>
      <c r="O31" s="274" t="s">
        <v>124</v>
      </c>
      <c r="P31" s="274" t="s">
        <v>120</v>
      </c>
      <c r="Q31" s="274" t="s">
        <v>126</v>
      </c>
      <c r="R31" s="274" t="s">
        <v>342</v>
      </c>
      <c r="S31" s="274" t="s">
        <v>120</v>
      </c>
      <c r="T31" s="276" t="s">
        <v>951</v>
      </c>
      <c r="U31" s="276" t="s">
        <v>952</v>
      </c>
    </row>
    <row r="32" spans="1:21">
      <c r="D32" s="678"/>
    </row>
    <row r="33" spans="4:4">
      <c r="D33" s="678"/>
    </row>
  </sheetData>
  <autoFilter ref="A1:D28"/>
  <phoneticPr fontId="6" type="noConversion"/>
  <pageMargins left="0.69930555555555596" right="0.69930555555555596"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30"/>
  <sheetViews>
    <sheetView workbookViewId="0">
      <pane xSplit="3" ySplit="1" topLeftCell="D2" activePane="bottomRight" state="frozen"/>
      <selection pane="topRight" activeCell="E1" sqref="E1"/>
      <selection pane="bottomLeft" activeCell="A2" sqref="A2"/>
      <selection pane="bottomRight" activeCell="E10" sqref="E10"/>
    </sheetView>
  </sheetViews>
  <sheetFormatPr defaultColWidth="9" defaultRowHeight="15"/>
  <cols>
    <col min="1" max="1" width="14.140625" hidden="1" customWidth="1"/>
    <col min="2" max="2" width="18.28515625" customWidth="1"/>
    <col min="3" max="3" width="19" customWidth="1"/>
    <col min="4" max="4" width="37.140625" customWidth="1"/>
    <col min="5" max="5" width="12" style="716" bestFit="1" customWidth="1"/>
    <col min="6" max="6" width="11.42578125" customWidth="1"/>
    <col min="7" max="7" width="13.140625" bestFit="1" customWidth="1"/>
    <col min="8" max="8" width="3.140625" customWidth="1"/>
    <col min="9" max="9" width="9.7109375" customWidth="1"/>
    <col min="10" max="10" width="21.140625" customWidth="1"/>
    <col min="11" max="11" width="7.85546875" customWidth="1"/>
  </cols>
  <sheetData>
    <row r="1" spans="1:19" s="51" customFormat="1" ht="31.5" customHeight="1">
      <c r="A1" s="228" t="s">
        <v>845</v>
      </c>
      <c r="B1" s="228" t="s">
        <v>835</v>
      </c>
      <c r="C1" s="228" t="s">
        <v>115</v>
      </c>
      <c r="D1" s="228" t="s">
        <v>828</v>
      </c>
      <c r="E1" s="710" t="s">
        <v>2848</v>
      </c>
      <c r="F1" s="54" t="s">
        <v>86</v>
      </c>
      <c r="G1" s="54" t="s">
        <v>88</v>
      </c>
      <c r="H1" s="55"/>
      <c r="I1" s="685" t="s">
        <v>844</v>
      </c>
      <c r="J1" s="685" t="s">
        <v>161</v>
      </c>
      <c r="K1" s="685" t="s">
        <v>2763</v>
      </c>
      <c r="L1" s="685" t="s">
        <v>2764</v>
      </c>
      <c r="M1" s="685" t="s">
        <v>2765</v>
      </c>
      <c r="N1" s="685" t="s">
        <v>2766</v>
      </c>
      <c r="O1" s="685" t="s">
        <v>1860</v>
      </c>
      <c r="P1" s="685" t="s">
        <v>2767</v>
      </c>
      <c r="Q1" s="685" t="s">
        <v>2768</v>
      </c>
      <c r="R1" s="685" t="s">
        <v>2769</v>
      </c>
      <c r="S1" s="685" t="s">
        <v>2770</v>
      </c>
    </row>
    <row r="2" spans="1:19" ht="18.75">
      <c r="A2" s="86"/>
      <c r="B2" s="85" t="s">
        <v>114</v>
      </c>
      <c r="C2" s="85"/>
      <c r="D2" s="87"/>
      <c r="E2" s="717"/>
      <c r="F2" s="86"/>
      <c r="G2" s="86" t="s">
        <v>0</v>
      </c>
      <c r="H2" s="57"/>
      <c r="I2" s="242"/>
      <c r="J2" s="242"/>
      <c r="K2" s="242"/>
      <c r="L2" s="242"/>
      <c r="M2" s="242"/>
      <c r="N2" s="242"/>
      <c r="O2" s="242"/>
      <c r="P2" s="242"/>
      <c r="Q2" s="242"/>
      <c r="R2" s="242"/>
      <c r="S2" s="242"/>
    </row>
    <row r="3" spans="1:19" s="61" customFormat="1" ht="45.6" customHeight="1">
      <c r="A3" s="88" t="s">
        <v>1900</v>
      </c>
      <c r="B3" s="93" t="s">
        <v>1901</v>
      </c>
      <c r="C3" s="464"/>
      <c r="D3" s="83" t="s">
        <v>2775</v>
      </c>
      <c r="E3" s="705" t="s">
        <v>89</v>
      </c>
      <c r="F3" s="243" t="s">
        <v>926</v>
      </c>
      <c r="G3" s="102"/>
      <c r="H3" s="57"/>
      <c r="I3" s="687" t="s">
        <v>1924</v>
      </c>
      <c r="J3" s="686" t="s">
        <v>2771</v>
      </c>
      <c r="K3" s="687">
        <v>1</v>
      </c>
      <c r="L3" s="688">
        <v>4</v>
      </c>
      <c r="M3" s="686" t="s">
        <v>2772</v>
      </c>
      <c r="N3" s="689" t="s">
        <v>2773</v>
      </c>
      <c r="O3" s="687">
        <v>8</v>
      </c>
      <c r="P3" s="687">
        <v>1</v>
      </c>
      <c r="Q3" s="687" t="s">
        <v>126</v>
      </c>
      <c r="R3" s="687" t="s">
        <v>124</v>
      </c>
      <c r="S3" s="687" t="s">
        <v>2774</v>
      </c>
    </row>
    <row r="4" spans="1:19" s="61" customFormat="1" ht="26.45" customHeight="1">
      <c r="A4" s="88" t="s">
        <v>1902</v>
      </c>
      <c r="B4" s="93" t="s">
        <v>1903</v>
      </c>
      <c r="C4" s="236"/>
      <c r="D4" s="83" t="s">
        <v>2775</v>
      </c>
      <c r="E4" s="705" t="s">
        <v>89</v>
      </c>
      <c r="F4" s="243" t="s">
        <v>926</v>
      </c>
      <c r="G4" s="102"/>
      <c r="H4" s="57"/>
      <c r="I4" s="687" t="s">
        <v>1924</v>
      </c>
      <c r="J4" s="686" t="s">
        <v>2771</v>
      </c>
      <c r="K4" s="687">
        <v>1</v>
      </c>
      <c r="L4" s="688">
        <v>4</v>
      </c>
      <c r="M4" s="690" t="s">
        <v>2772</v>
      </c>
      <c r="N4" s="689" t="s">
        <v>2773</v>
      </c>
      <c r="O4" s="687">
        <v>8</v>
      </c>
      <c r="P4" s="687">
        <v>1</v>
      </c>
      <c r="Q4" s="687" t="s">
        <v>126</v>
      </c>
      <c r="R4" s="687" t="s">
        <v>124</v>
      </c>
      <c r="S4" s="687" t="s">
        <v>2774</v>
      </c>
    </row>
    <row r="5" spans="1:19" s="61" customFormat="1" ht="26.45" customHeight="1">
      <c r="A5" s="88" t="s">
        <v>1904</v>
      </c>
      <c r="B5" s="93" t="s">
        <v>1905</v>
      </c>
      <c r="C5" s="236"/>
      <c r="D5" s="83" t="s">
        <v>2776</v>
      </c>
      <c r="E5" s="705" t="s">
        <v>89</v>
      </c>
      <c r="F5" s="243" t="s">
        <v>926</v>
      </c>
      <c r="G5" s="102"/>
      <c r="H5" s="57"/>
      <c r="I5" s="687" t="s">
        <v>1924</v>
      </c>
      <c r="J5" s="686" t="s">
        <v>2771</v>
      </c>
      <c r="K5" s="687">
        <v>1</v>
      </c>
      <c r="L5" s="688">
        <v>4</v>
      </c>
      <c r="M5" s="690" t="s">
        <v>2772</v>
      </c>
      <c r="N5" s="689" t="s">
        <v>2773</v>
      </c>
      <c r="O5" s="687">
        <v>8</v>
      </c>
      <c r="P5" s="687">
        <v>1</v>
      </c>
      <c r="Q5" s="687" t="s">
        <v>126</v>
      </c>
      <c r="R5" s="687" t="s">
        <v>124</v>
      </c>
      <c r="S5" s="687" t="s">
        <v>2774</v>
      </c>
    </row>
    <row r="6" spans="1:19" s="61" customFormat="1" ht="26.45" customHeight="1">
      <c r="A6" s="88" t="s">
        <v>142</v>
      </c>
      <c r="B6" s="93" t="s">
        <v>812</v>
      </c>
      <c r="C6" s="236"/>
      <c r="D6" s="83" t="s">
        <v>2779</v>
      </c>
      <c r="E6" s="705" t="s">
        <v>89</v>
      </c>
      <c r="F6" s="243"/>
      <c r="G6" s="102"/>
      <c r="H6" s="57"/>
      <c r="I6" s="687" t="s">
        <v>1924</v>
      </c>
      <c r="J6" s="689" t="s">
        <v>2777</v>
      </c>
      <c r="K6" s="687">
        <v>4</v>
      </c>
      <c r="L6" s="688">
        <v>16</v>
      </c>
      <c r="M6" s="686" t="s">
        <v>2778</v>
      </c>
      <c r="N6" s="689" t="s">
        <v>2773</v>
      </c>
      <c r="O6" s="687" t="s">
        <v>124</v>
      </c>
      <c r="P6" s="687">
        <v>2</v>
      </c>
      <c r="Q6" s="687" t="s">
        <v>126</v>
      </c>
      <c r="R6" s="687" t="s">
        <v>124</v>
      </c>
      <c r="S6" s="687" t="s">
        <v>141</v>
      </c>
    </row>
    <row r="7" spans="1:19" s="61" customFormat="1" ht="33.6" customHeight="1">
      <c r="A7" s="88" t="s">
        <v>908</v>
      </c>
      <c r="B7" s="93" t="s">
        <v>909</v>
      </c>
      <c r="C7" s="465"/>
      <c r="D7" s="257" t="s">
        <v>912</v>
      </c>
      <c r="E7" s="705" t="s">
        <v>89</v>
      </c>
      <c r="F7" s="243"/>
      <c r="G7" s="102"/>
      <c r="H7" s="57"/>
      <c r="I7" s="687" t="s">
        <v>1924</v>
      </c>
      <c r="J7" s="691" t="s">
        <v>2780</v>
      </c>
      <c r="K7" s="692">
        <v>4</v>
      </c>
      <c r="L7" s="693">
        <v>16</v>
      </c>
      <c r="M7" s="694" t="s">
        <v>2778</v>
      </c>
      <c r="N7" s="691" t="s">
        <v>2773</v>
      </c>
      <c r="O7" s="692">
        <v>16</v>
      </c>
      <c r="P7" s="692">
        <v>1</v>
      </c>
      <c r="Q7" s="692" t="s">
        <v>126</v>
      </c>
      <c r="R7" s="695" t="s">
        <v>2781</v>
      </c>
      <c r="S7" s="692" t="s">
        <v>2782</v>
      </c>
    </row>
    <row r="8" spans="1:19" s="61" customFormat="1" ht="33.6" customHeight="1">
      <c r="A8" s="88" t="s">
        <v>1906</v>
      </c>
      <c r="B8" s="93" t="s">
        <v>1908</v>
      </c>
      <c r="C8" s="236"/>
      <c r="D8" s="83" t="s">
        <v>2788</v>
      </c>
      <c r="E8" s="705" t="s">
        <v>89</v>
      </c>
      <c r="F8" s="243" t="s">
        <v>926</v>
      </c>
      <c r="G8" s="102"/>
      <c r="H8" s="57"/>
      <c r="I8" s="687" t="s">
        <v>2785</v>
      </c>
      <c r="J8" s="689" t="s">
        <v>2783</v>
      </c>
      <c r="K8" s="687">
        <v>8</v>
      </c>
      <c r="L8" s="688">
        <v>16</v>
      </c>
      <c r="M8" s="686" t="s">
        <v>133</v>
      </c>
      <c r="N8" s="689" t="s">
        <v>2784</v>
      </c>
      <c r="O8" s="687" t="s">
        <v>124</v>
      </c>
      <c r="P8" s="687">
        <v>2</v>
      </c>
      <c r="Q8" s="687" t="s">
        <v>126</v>
      </c>
      <c r="R8" s="687" t="s">
        <v>2781</v>
      </c>
      <c r="S8" s="687" t="s">
        <v>139</v>
      </c>
    </row>
    <row r="9" spans="1:19" s="61" customFormat="1" ht="33.6" customHeight="1">
      <c r="A9" s="88" t="s">
        <v>1907</v>
      </c>
      <c r="B9" s="93" t="s">
        <v>1909</v>
      </c>
      <c r="C9" s="236"/>
      <c r="D9" s="83" t="s">
        <v>2787</v>
      </c>
      <c r="E9" s="705" t="s">
        <v>89</v>
      </c>
      <c r="F9" s="243" t="s">
        <v>926</v>
      </c>
      <c r="G9" s="102"/>
      <c r="H9" s="57"/>
      <c r="I9" s="687" t="s">
        <v>2785</v>
      </c>
      <c r="J9" s="689" t="s">
        <v>2786</v>
      </c>
      <c r="K9" s="687">
        <v>8</v>
      </c>
      <c r="L9" s="688">
        <v>32</v>
      </c>
      <c r="M9" s="686" t="s">
        <v>133</v>
      </c>
      <c r="N9" s="689" t="s">
        <v>2784</v>
      </c>
      <c r="O9" s="687" t="s">
        <v>124</v>
      </c>
      <c r="P9" s="687">
        <v>2</v>
      </c>
      <c r="Q9" s="687" t="s">
        <v>126</v>
      </c>
      <c r="R9" s="687" t="s">
        <v>2781</v>
      </c>
      <c r="S9" s="687" t="s">
        <v>139</v>
      </c>
    </row>
    <row r="10" spans="1:19" s="43" customFormat="1" ht="38.450000000000003" customHeight="1">
      <c r="A10" s="92" t="s">
        <v>9</v>
      </c>
      <c r="B10" s="93" t="s">
        <v>820</v>
      </c>
      <c r="C10" s="255"/>
      <c r="D10" s="217" t="s">
        <v>871</v>
      </c>
      <c r="E10" s="705" t="s">
        <v>89</v>
      </c>
      <c r="F10" s="243"/>
      <c r="G10" s="60"/>
      <c r="H10" s="57"/>
      <c r="I10" s="692" t="s">
        <v>2171</v>
      </c>
      <c r="J10" s="689" t="s">
        <v>2789</v>
      </c>
      <c r="K10" s="687">
        <v>16</v>
      </c>
      <c r="L10" s="688">
        <v>64</v>
      </c>
      <c r="M10" s="687" t="s">
        <v>133</v>
      </c>
      <c r="N10" s="689" t="s">
        <v>2790</v>
      </c>
      <c r="O10" s="687" t="s">
        <v>124</v>
      </c>
      <c r="P10" s="687">
        <v>4</v>
      </c>
      <c r="Q10" s="687" t="s">
        <v>126</v>
      </c>
      <c r="R10" s="696" t="s">
        <v>134</v>
      </c>
      <c r="S10" s="687" t="s">
        <v>135</v>
      </c>
    </row>
    <row r="11" spans="1:19" s="43" customFormat="1" ht="36" customHeight="1">
      <c r="A11" s="92" t="s">
        <v>10</v>
      </c>
      <c r="B11" s="93" t="s">
        <v>821</v>
      </c>
      <c r="C11" s="238"/>
      <c r="D11" s="217" t="s">
        <v>872</v>
      </c>
      <c r="E11" s="705" t="s">
        <v>89</v>
      </c>
      <c r="F11" s="243"/>
      <c r="G11" s="60"/>
      <c r="H11" s="57"/>
      <c r="I11" s="692" t="s">
        <v>2171</v>
      </c>
      <c r="J11" s="689" t="s">
        <v>2791</v>
      </c>
      <c r="K11" s="687">
        <v>16</v>
      </c>
      <c r="L11" s="688">
        <v>128</v>
      </c>
      <c r="M11" s="687" t="s">
        <v>136</v>
      </c>
      <c r="N11" s="689" t="s">
        <v>2790</v>
      </c>
      <c r="O11" s="687" t="s">
        <v>124</v>
      </c>
      <c r="P11" s="687">
        <v>4</v>
      </c>
      <c r="Q11" s="687" t="s">
        <v>126</v>
      </c>
      <c r="R11" s="696" t="s">
        <v>134</v>
      </c>
      <c r="S11" s="687" t="s">
        <v>135</v>
      </c>
    </row>
    <row r="12" spans="1:19" s="43" customFormat="1" ht="30.95" customHeight="1">
      <c r="A12" s="92" t="s">
        <v>958</v>
      </c>
      <c r="B12" s="92" t="s">
        <v>958</v>
      </c>
      <c r="C12" s="6"/>
      <c r="D12" s="93" t="s">
        <v>1914</v>
      </c>
      <c r="E12" s="705" t="s">
        <v>89</v>
      </c>
      <c r="F12" s="243"/>
      <c r="G12" s="60"/>
      <c r="H12" s="57"/>
      <c r="I12" s="692" t="s">
        <v>2171</v>
      </c>
      <c r="J12" s="689" t="s">
        <v>138</v>
      </c>
      <c r="K12" s="687">
        <v>8</v>
      </c>
      <c r="L12" s="689" t="s">
        <v>124</v>
      </c>
      <c r="M12" s="686" t="s">
        <v>124</v>
      </c>
      <c r="N12" s="686" t="s">
        <v>124</v>
      </c>
      <c r="O12" s="687" t="s">
        <v>124</v>
      </c>
      <c r="P12" s="686" t="s">
        <v>124</v>
      </c>
      <c r="Q12" s="686" t="s">
        <v>124</v>
      </c>
      <c r="R12" s="686" t="s">
        <v>124</v>
      </c>
      <c r="S12" s="687" t="s">
        <v>139</v>
      </c>
    </row>
    <row r="13" spans="1:19" s="43" customFormat="1" ht="30.95" customHeight="1">
      <c r="A13" s="92" t="s">
        <v>11</v>
      </c>
      <c r="B13" s="92" t="s">
        <v>11</v>
      </c>
      <c r="C13" s="6"/>
      <c r="D13" s="93" t="s">
        <v>1913</v>
      </c>
      <c r="E13" s="705" t="s">
        <v>89</v>
      </c>
      <c r="F13" s="243"/>
      <c r="G13" s="60"/>
      <c r="H13" s="57"/>
      <c r="I13" s="692" t="s">
        <v>2171</v>
      </c>
      <c r="J13" s="689" t="s">
        <v>137</v>
      </c>
      <c r="K13" s="687">
        <v>16</v>
      </c>
      <c r="L13" s="689" t="s">
        <v>124</v>
      </c>
      <c r="M13" s="686" t="s">
        <v>124</v>
      </c>
      <c r="N13" s="686" t="s">
        <v>124</v>
      </c>
      <c r="O13" s="687" t="s">
        <v>124</v>
      </c>
      <c r="P13" s="686" t="s">
        <v>124</v>
      </c>
      <c r="Q13" s="686" t="s">
        <v>124</v>
      </c>
      <c r="R13" s="686" t="s">
        <v>124</v>
      </c>
      <c r="S13" s="687" t="s">
        <v>135</v>
      </c>
    </row>
    <row r="14" spans="1:19" s="43" customFormat="1" ht="30" customHeight="1">
      <c r="A14" s="92" t="s">
        <v>13</v>
      </c>
      <c r="B14" s="92" t="s">
        <v>13</v>
      </c>
      <c r="C14" s="50"/>
      <c r="D14" s="93" t="s">
        <v>1912</v>
      </c>
      <c r="E14" s="705" t="s">
        <v>89</v>
      </c>
      <c r="F14" s="243"/>
      <c r="G14" s="60"/>
      <c r="H14" s="57"/>
      <c r="I14" s="692" t="s">
        <v>2171</v>
      </c>
      <c r="J14" s="689" t="s">
        <v>140</v>
      </c>
      <c r="K14" s="687" t="s">
        <v>124</v>
      </c>
      <c r="L14" s="689" t="s">
        <v>124</v>
      </c>
      <c r="M14" s="686" t="s">
        <v>124</v>
      </c>
      <c r="N14" s="686" t="s">
        <v>124</v>
      </c>
      <c r="O14" s="687" t="s">
        <v>124</v>
      </c>
      <c r="P14" s="686" t="s">
        <v>124</v>
      </c>
      <c r="Q14" s="686" t="s">
        <v>124</v>
      </c>
      <c r="R14" s="686" t="s">
        <v>124</v>
      </c>
      <c r="S14" s="687" t="s">
        <v>124</v>
      </c>
    </row>
    <row r="15" spans="1:19" s="43" customFormat="1" ht="26.45" customHeight="1">
      <c r="A15" s="92" t="s">
        <v>2621</v>
      </c>
      <c r="B15" s="93" t="s">
        <v>2623</v>
      </c>
      <c r="C15" s="237"/>
      <c r="D15" s="751" t="s">
        <v>870</v>
      </c>
      <c r="E15" s="705" t="s">
        <v>89</v>
      </c>
      <c r="F15" s="243" t="s">
        <v>926</v>
      </c>
      <c r="G15" s="60"/>
      <c r="H15" s="57"/>
      <c r="I15" s="692" t="s">
        <v>2171</v>
      </c>
      <c r="J15" s="689" t="s">
        <v>2792</v>
      </c>
      <c r="K15" s="687">
        <v>24</v>
      </c>
      <c r="L15" s="688">
        <v>128</v>
      </c>
      <c r="M15" s="697" t="s">
        <v>2793</v>
      </c>
      <c r="N15" s="698" t="s">
        <v>2794</v>
      </c>
      <c r="O15" s="687" t="s">
        <v>124</v>
      </c>
      <c r="P15" s="687">
        <v>4</v>
      </c>
      <c r="Q15" s="687" t="s">
        <v>126</v>
      </c>
      <c r="R15" s="696" t="s">
        <v>134</v>
      </c>
      <c r="S15" s="687" t="s">
        <v>2795</v>
      </c>
    </row>
    <row r="16" spans="1:19" s="43" customFormat="1" ht="29.1" customHeight="1">
      <c r="A16" s="92" t="s">
        <v>2622</v>
      </c>
      <c r="B16" s="93" t="s">
        <v>2624</v>
      </c>
      <c r="C16" s="238"/>
      <c r="D16" s="752"/>
      <c r="E16" s="705" t="s">
        <v>89</v>
      </c>
      <c r="F16" s="243" t="s">
        <v>926</v>
      </c>
      <c r="G16" s="60"/>
      <c r="H16" s="57"/>
      <c r="I16" s="692" t="s">
        <v>2171</v>
      </c>
      <c r="J16" s="689" t="s">
        <v>2796</v>
      </c>
      <c r="K16" s="687">
        <v>24</v>
      </c>
      <c r="L16" s="688">
        <v>256</v>
      </c>
      <c r="M16" s="697" t="s">
        <v>2793</v>
      </c>
      <c r="N16" s="698" t="s">
        <v>2794</v>
      </c>
      <c r="O16" s="687" t="s">
        <v>124</v>
      </c>
      <c r="P16" s="687">
        <v>4</v>
      </c>
      <c r="Q16" s="687" t="s">
        <v>126</v>
      </c>
      <c r="R16" s="696" t="s">
        <v>134</v>
      </c>
      <c r="S16" s="687" t="s">
        <v>2795</v>
      </c>
    </row>
    <row r="17" spans="1:19" s="43" customFormat="1" ht="47.45" customHeight="1">
      <c r="A17" s="92" t="s">
        <v>1910</v>
      </c>
      <c r="B17" s="93" t="s">
        <v>1911</v>
      </c>
      <c r="C17" s="238"/>
      <c r="D17" s="463" t="s">
        <v>140</v>
      </c>
      <c r="E17" s="705" t="s">
        <v>89</v>
      </c>
      <c r="F17" s="243" t="s">
        <v>926</v>
      </c>
      <c r="G17" s="60"/>
      <c r="H17" s="57"/>
      <c r="I17" s="692" t="s">
        <v>2171</v>
      </c>
      <c r="J17" s="689" t="s">
        <v>140</v>
      </c>
      <c r="K17" s="687" t="s">
        <v>124</v>
      </c>
      <c r="L17" s="688" t="s">
        <v>124</v>
      </c>
      <c r="M17" s="697" t="s">
        <v>124</v>
      </c>
      <c r="N17" s="697" t="s">
        <v>124</v>
      </c>
      <c r="O17" s="687" t="s">
        <v>124</v>
      </c>
      <c r="P17" s="687" t="s">
        <v>124</v>
      </c>
      <c r="Q17" s="688" t="s">
        <v>124</v>
      </c>
      <c r="R17" s="687" t="s">
        <v>124</v>
      </c>
      <c r="S17" s="687" t="s">
        <v>124</v>
      </c>
    </row>
    <row r="18" spans="1:19" s="43" customFormat="1" ht="14.1" customHeight="1">
      <c r="A18" s="92" t="s">
        <v>14</v>
      </c>
      <c r="B18" s="92" t="s">
        <v>14</v>
      </c>
      <c r="C18" s="6"/>
      <c r="D18" s="93" t="s">
        <v>15</v>
      </c>
      <c r="E18" s="705" t="s">
        <v>89</v>
      </c>
      <c r="F18" s="243"/>
      <c r="G18" s="60"/>
      <c r="H18" s="57"/>
      <c r="I18" s="101"/>
      <c r="J18" s="101"/>
      <c r="K18" s="100"/>
      <c r="L18" s="100"/>
      <c r="M18" s="101"/>
      <c r="N18" s="101"/>
      <c r="O18" s="100"/>
      <c r="P18" s="100"/>
      <c r="Q18" s="100"/>
      <c r="R18" s="100"/>
      <c r="S18" s="100"/>
    </row>
    <row r="19" spans="1:19" s="43" customFormat="1" ht="14.1" customHeight="1">
      <c r="A19" s="92" t="s">
        <v>16</v>
      </c>
      <c r="B19" s="92" t="s">
        <v>16</v>
      </c>
      <c r="C19" s="48"/>
      <c r="D19" s="93" t="s">
        <v>17</v>
      </c>
      <c r="E19" s="705" t="s">
        <v>89</v>
      </c>
      <c r="F19" s="243"/>
      <c r="G19" s="60"/>
      <c r="H19" s="57"/>
      <c r="I19" s="101"/>
      <c r="J19" s="101"/>
      <c r="K19" s="100"/>
      <c r="L19" s="100"/>
      <c r="M19" s="101"/>
      <c r="N19" s="101"/>
      <c r="O19" s="100"/>
      <c r="P19" s="100"/>
      <c r="Q19" s="100"/>
      <c r="R19" s="100"/>
      <c r="S19" s="100"/>
    </row>
    <row r="20" spans="1:19" s="43" customFormat="1" ht="14.1" customHeight="1">
      <c r="A20" s="92" t="s">
        <v>18</v>
      </c>
      <c r="B20" s="92" t="s">
        <v>18</v>
      </c>
      <c r="C20" s="48"/>
      <c r="D20" s="93" t="s">
        <v>19</v>
      </c>
      <c r="E20" s="705" t="s">
        <v>89</v>
      </c>
      <c r="F20" s="243"/>
      <c r="G20" s="60"/>
      <c r="H20" s="57"/>
      <c r="I20" s="101"/>
      <c r="J20" s="101"/>
      <c r="K20" s="100"/>
      <c r="L20" s="100"/>
      <c r="M20" s="101"/>
      <c r="N20" s="101"/>
      <c r="O20" s="100"/>
      <c r="P20" s="100"/>
      <c r="Q20" s="100"/>
      <c r="R20" s="100"/>
      <c r="S20" s="100"/>
    </row>
    <row r="21" spans="1:19" s="43" customFormat="1" ht="14.1" customHeight="1">
      <c r="A21" s="86"/>
      <c r="B21" s="85" t="s">
        <v>20</v>
      </c>
      <c r="C21" s="85"/>
      <c r="D21" s="87" t="s">
        <v>0</v>
      </c>
      <c r="E21" s="717"/>
      <c r="F21" s="86"/>
      <c r="G21" s="86"/>
      <c r="H21" s="57"/>
      <c r="I21" s="101"/>
      <c r="J21" s="101"/>
      <c r="K21" s="100"/>
      <c r="L21" s="100"/>
      <c r="M21" s="101"/>
      <c r="N21" s="101"/>
      <c r="O21" s="100"/>
      <c r="P21" s="100"/>
      <c r="Q21" s="100"/>
      <c r="R21" s="100"/>
      <c r="S21" s="100"/>
    </row>
    <row r="22" spans="1:19" s="43" customFormat="1" ht="27.95" customHeight="1">
      <c r="A22" s="89" t="s">
        <v>148</v>
      </c>
      <c r="B22" s="283" t="s">
        <v>840</v>
      </c>
      <c r="C22" s="118"/>
      <c r="D22" s="84" t="s">
        <v>873</v>
      </c>
      <c r="E22" s="705" t="s">
        <v>89</v>
      </c>
      <c r="F22" s="243"/>
      <c r="G22" s="60"/>
      <c r="H22" s="57"/>
      <c r="I22" s="101"/>
      <c r="J22" s="699" t="s">
        <v>2797</v>
      </c>
      <c r="K22" s="100"/>
      <c r="L22" s="100"/>
      <c r="M22" s="101"/>
      <c r="N22" s="101"/>
      <c r="O22" s="100"/>
      <c r="P22" s="100"/>
      <c r="Q22" s="100"/>
      <c r="R22" s="100"/>
      <c r="S22" s="100"/>
    </row>
    <row r="23" spans="1:19" s="43" customFormat="1" ht="27.6" customHeight="1">
      <c r="A23" s="3" t="s">
        <v>21</v>
      </c>
      <c r="B23" s="284" t="s">
        <v>841</v>
      </c>
      <c r="C23" s="118"/>
      <c r="D23" s="84" t="s">
        <v>874</v>
      </c>
      <c r="E23" s="705" t="s">
        <v>89</v>
      </c>
      <c r="F23" s="243"/>
      <c r="G23" s="60"/>
      <c r="H23" s="57"/>
      <c r="I23" s="101"/>
      <c r="J23" s="699" t="s">
        <v>2798</v>
      </c>
      <c r="K23" s="100"/>
      <c r="L23" s="100"/>
      <c r="M23" s="101"/>
      <c r="N23" s="101"/>
      <c r="O23" s="100"/>
      <c r="P23" s="100"/>
      <c r="Q23" s="100"/>
      <c r="R23" s="100"/>
      <c r="S23" s="100"/>
    </row>
    <row r="24" spans="1:19" s="43" customFormat="1" ht="33">
      <c r="A24" s="284" t="s">
        <v>12</v>
      </c>
      <c r="B24" s="284" t="s">
        <v>12</v>
      </c>
      <c r="C24" s="118"/>
      <c r="D24" s="84" t="s">
        <v>138</v>
      </c>
      <c r="E24" s="705" t="s">
        <v>89</v>
      </c>
      <c r="F24" s="243"/>
      <c r="G24" s="60"/>
      <c r="H24" s="57"/>
      <c r="I24" s="101"/>
      <c r="J24" s="699" t="s">
        <v>138</v>
      </c>
      <c r="K24" s="100"/>
      <c r="L24" s="100"/>
      <c r="M24" s="101"/>
      <c r="N24" s="101"/>
      <c r="O24" s="100"/>
      <c r="P24" s="100"/>
      <c r="Q24" s="100"/>
      <c r="R24" s="100"/>
      <c r="S24" s="100"/>
    </row>
    <row r="25" spans="1:19" s="43" customFormat="1" ht="33">
      <c r="A25" s="284" t="s">
        <v>11</v>
      </c>
      <c r="B25" s="284" t="s">
        <v>11</v>
      </c>
      <c r="C25" s="118"/>
      <c r="D25" s="84" t="s">
        <v>137</v>
      </c>
      <c r="E25" s="705" t="s">
        <v>89</v>
      </c>
      <c r="F25" s="243"/>
      <c r="G25" s="60"/>
      <c r="H25" s="57"/>
      <c r="I25" s="101"/>
      <c r="J25" s="699" t="s">
        <v>137</v>
      </c>
      <c r="K25" s="100"/>
      <c r="L25" s="100"/>
      <c r="M25" s="101"/>
      <c r="N25" s="101"/>
      <c r="O25" s="100"/>
      <c r="P25" s="100"/>
      <c r="Q25" s="100"/>
      <c r="R25" s="100"/>
      <c r="S25" s="100"/>
    </row>
    <row r="26" spans="1:19" s="43" customFormat="1" ht="33">
      <c r="A26" s="284" t="s">
        <v>13</v>
      </c>
      <c r="B26" s="284" t="s">
        <v>13</v>
      </c>
      <c r="C26" s="118"/>
      <c r="D26" s="84" t="s">
        <v>140</v>
      </c>
      <c r="E26" s="705" t="s">
        <v>89</v>
      </c>
      <c r="F26" s="243"/>
      <c r="G26" s="60"/>
      <c r="H26" s="57"/>
      <c r="I26" s="101"/>
      <c r="J26" s="699" t="s">
        <v>140</v>
      </c>
      <c r="K26" s="100"/>
      <c r="L26" s="100"/>
      <c r="M26" s="101"/>
      <c r="N26" s="101"/>
      <c r="O26" s="100"/>
      <c r="P26" s="100"/>
      <c r="Q26" s="100"/>
      <c r="R26" s="100"/>
      <c r="S26" s="100"/>
    </row>
    <row r="27" spans="1:19" s="43" customFormat="1" ht="26.1" customHeight="1">
      <c r="A27" s="89" t="s">
        <v>116</v>
      </c>
      <c r="B27" s="283" t="s">
        <v>842</v>
      </c>
      <c r="C27" s="118"/>
      <c r="D27" s="84" t="s">
        <v>153</v>
      </c>
      <c r="E27" s="705" t="s">
        <v>89</v>
      </c>
      <c r="F27" s="243"/>
      <c r="G27" s="60"/>
      <c r="H27" s="57"/>
      <c r="I27" s="101"/>
      <c r="J27" s="699" t="s">
        <v>2799</v>
      </c>
      <c r="K27" s="100"/>
      <c r="L27" s="100"/>
      <c r="M27" s="101"/>
      <c r="N27" s="101"/>
      <c r="O27" s="100"/>
      <c r="P27" s="100"/>
      <c r="Q27" s="100"/>
      <c r="R27" s="100"/>
      <c r="S27" s="100"/>
    </row>
    <row r="28" spans="1:19" s="43" customFormat="1" ht="33">
      <c r="A28" s="89" t="s">
        <v>116</v>
      </c>
      <c r="B28" s="283" t="s">
        <v>207</v>
      </c>
      <c r="C28" s="118"/>
      <c r="D28" s="84" t="s">
        <v>1915</v>
      </c>
      <c r="E28" s="705" t="s">
        <v>89</v>
      </c>
      <c r="F28" s="243"/>
      <c r="G28" s="60"/>
      <c r="H28" s="57"/>
      <c r="I28" s="101"/>
      <c r="J28" s="699" t="s">
        <v>140</v>
      </c>
      <c r="K28" s="100"/>
      <c r="L28" s="100"/>
      <c r="M28" s="101"/>
      <c r="N28" s="101"/>
      <c r="O28" s="100"/>
      <c r="P28" s="100"/>
      <c r="Q28" s="100"/>
      <c r="R28" s="100"/>
      <c r="S28" s="100"/>
    </row>
    <row r="29" spans="1:19">
      <c r="I29" s="7"/>
      <c r="J29" s="7"/>
      <c r="K29" s="7"/>
      <c r="L29" s="7"/>
      <c r="M29" s="7"/>
      <c r="N29" s="7"/>
      <c r="O29" s="7"/>
      <c r="P29" s="7"/>
    </row>
    <row r="30" spans="1:19">
      <c r="I30" s="7"/>
      <c r="J30" s="7"/>
      <c r="K30" s="7"/>
      <c r="L30" s="7"/>
      <c r="M30" s="7"/>
      <c r="N30" s="7"/>
      <c r="O30" s="7"/>
      <c r="P30" s="7"/>
    </row>
  </sheetData>
  <autoFilter ref="A1:D28"/>
  <mergeCells count="1">
    <mergeCell ref="D15:D16"/>
  </mergeCells>
  <phoneticPr fontId="6" type="noConversion"/>
  <pageMargins left="0.69930555555555596" right="0.69930555555555596"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67"/>
  <sheetViews>
    <sheetView zoomScaleNormal="100" workbookViewId="0">
      <pane ySplit="1" topLeftCell="A56" activePane="bottomLeft" state="frozen"/>
      <selection pane="bottomLeft" activeCell="E56" sqref="E56"/>
    </sheetView>
  </sheetViews>
  <sheetFormatPr defaultColWidth="9" defaultRowHeight="15"/>
  <cols>
    <col min="1" max="1" width="1.5703125" customWidth="1"/>
    <col min="2" max="2" width="24.42578125" customWidth="1"/>
    <col min="3" max="3" width="21.42578125" customWidth="1"/>
    <col min="4" max="4" width="32" style="45" customWidth="1"/>
    <col min="5" max="5" width="9.42578125" style="720" bestFit="1" customWidth="1"/>
    <col min="6" max="6" width="15.140625" customWidth="1"/>
    <col min="7" max="7" width="13.42578125" bestFit="1" customWidth="1"/>
    <col min="9" max="9" width="11.5703125" customWidth="1"/>
  </cols>
  <sheetData>
    <row r="1" spans="1:7" s="40" customFormat="1">
      <c r="A1"/>
      <c r="B1" s="563" t="s">
        <v>835</v>
      </c>
      <c r="C1" s="564" t="s">
        <v>115</v>
      </c>
      <c r="D1" s="564" t="s">
        <v>828</v>
      </c>
      <c r="E1" s="718" t="s">
        <v>2848</v>
      </c>
      <c r="F1" s="228" t="s">
        <v>86</v>
      </c>
      <c r="G1" s="54" t="s">
        <v>88</v>
      </c>
    </row>
    <row r="2" spans="1:7" s="567" customFormat="1" ht="14.1" customHeight="1">
      <c r="A2" s="310"/>
      <c r="B2" s="565" t="s">
        <v>2228</v>
      </c>
      <c r="C2" s="565"/>
      <c r="D2" s="566" t="s">
        <v>0</v>
      </c>
      <c r="E2" s="719"/>
      <c r="F2" s="59"/>
      <c r="G2" s="60"/>
    </row>
    <row r="3" spans="1:7" s="567" customFormat="1" ht="40.35" customHeight="1">
      <c r="A3" s="568"/>
      <c r="B3" s="375" t="s">
        <v>2229</v>
      </c>
      <c r="C3" s="375"/>
      <c r="D3" s="569" t="s">
        <v>2230</v>
      </c>
      <c r="E3" s="705" t="s">
        <v>89</v>
      </c>
      <c r="F3" s="570"/>
      <c r="G3" s="60"/>
    </row>
    <row r="4" spans="1:7" s="41" customFormat="1" ht="14.1" customHeight="1">
      <c r="A4" s="571"/>
      <c r="B4" s="565" t="s">
        <v>2231</v>
      </c>
      <c r="C4" s="565"/>
      <c r="D4" s="571"/>
      <c r="E4" s="713"/>
      <c r="F4" s="59"/>
      <c r="G4" s="59"/>
    </row>
    <row r="5" spans="1:7" s="41" customFormat="1" ht="14.1" customHeight="1">
      <c r="A5" s="571"/>
      <c r="B5" s="46" t="s">
        <v>2232</v>
      </c>
      <c r="C5" s="46"/>
      <c r="D5" s="569" t="s">
        <v>2843</v>
      </c>
      <c r="E5" s="705" t="s">
        <v>89</v>
      </c>
      <c r="F5" s="59"/>
      <c r="G5" s="59"/>
    </row>
    <row r="6" spans="1:7" s="41" customFormat="1" ht="14.1" customHeight="1">
      <c r="A6" s="47"/>
      <c r="B6" s="46" t="s">
        <v>2233</v>
      </c>
      <c r="C6" s="46"/>
      <c r="D6" s="569" t="s">
        <v>2234</v>
      </c>
      <c r="E6" s="705" t="s">
        <v>89</v>
      </c>
      <c r="F6" s="700" t="s">
        <v>2842</v>
      </c>
      <c r="G6" s="60"/>
    </row>
    <row r="7" spans="1:7" s="41" customFormat="1" ht="31.35" customHeight="1">
      <c r="A7" s="47"/>
      <c r="B7" s="701" t="s">
        <v>2235</v>
      </c>
      <c r="C7" s="46"/>
      <c r="D7" s="569" t="s">
        <v>2236</v>
      </c>
      <c r="E7" s="705" t="s">
        <v>89</v>
      </c>
      <c r="F7" s="572"/>
      <c r="G7" s="60"/>
    </row>
    <row r="8" spans="1:7" s="41" customFormat="1" ht="14.1" customHeight="1">
      <c r="A8" s="571"/>
      <c r="B8" s="565" t="s">
        <v>2844</v>
      </c>
      <c r="C8" s="565"/>
      <c r="D8" s="571"/>
      <c r="E8" s="713"/>
      <c r="F8" s="59"/>
      <c r="G8" s="59"/>
    </row>
    <row r="9" spans="1:7" s="41" customFormat="1">
      <c r="A9" s="47"/>
      <c r="B9" s="701" t="s">
        <v>2845</v>
      </c>
      <c r="C9" s="46"/>
      <c r="D9" s="569" t="s">
        <v>2846</v>
      </c>
      <c r="E9" s="705" t="s">
        <v>89</v>
      </c>
      <c r="F9" s="572" t="s">
        <v>926</v>
      </c>
      <c r="G9" s="60"/>
    </row>
    <row r="10" spans="1:7" s="41" customFormat="1" ht="14.1" customHeight="1">
      <c r="A10" s="47"/>
      <c r="B10" s="573" t="s">
        <v>2237</v>
      </c>
      <c r="C10" s="573"/>
      <c r="D10" s="569"/>
      <c r="E10" s="713"/>
      <c r="F10" s="59"/>
      <c r="G10" s="60"/>
    </row>
    <row r="11" spans="1:7" s="42" customFormat="1" ht="37.5" customHeight="1">
      <c r="A11" s="310"/>
      <c r="B11" s="574" t="s">
        <v>2238</v>
      </c>
      <c r="C11" s="507"/>
      <c r="D11" s="575" t="s">
        <v>2239</v>
      </c>
      <c r="E11" s="705" t="s">
        <v>89</v>
      </c>
      <c r="F11" s="700" t="s">
        <v>2842</v>
      </c>
      <c r="G11" s="60"/>
    </row>
    <row r="12" spans="1:7" s="42" customFormat="1" ht="37.5" customHeight="1">
      <c r="A12" s="310"/>
      <c r="B12" s="574" t="s">
        <v>2240</v>
      </c>
      <c r="C12" s="507"/>
      <c r="D12" s="575" t="s">
        <v>2241</v>
      </c>
      <c r="E12" s="705" t="s">
        <v>89</v>
      </c>
      <c r="F12" s="700" t="s">
        <v>2842</v>
      </c>
      <c r="G12" s="60"/>
    </row>
    <row r="13" spans="1:7" s="42" customFormat="1" ht="37.5" customHeight="1">
      <c r="A13" s="310"/>
      <c r="B13" s="574" t="s">
        <v>2242</v>
      </c>
      <c r="C13" s="507"/>
      <c r="D13" s="575" t="s">
        <v>2243</v>
      </c>
      <c r="E13" s="705" t="s">
        <v>89</v>
      </c>
      <c r="F13" s="59"/>
      <c r="G13" s="60"/>
    </row>
    <row r="14" spans="1:7" s="42" customFormat="1" ht="37.5" customHeight="1">
      <c r="A14" s="576"/>
      <c r="B14" s="574" t="s">
        <v>2244</v>
      </c>
      <c r="C14" s="507"/>
      <c r="D14" s="575" t="s">
        <v>2245</v>
      </c>
      <c r="E14" s="705" t="s">
        <v>89</v>
      </c>
      <c r="F14" s="700" t="s">
        <v>2842</v>
      </c>
      <c r="G14" s="60"/>
    </row>
    <row r="15" spans="1:7" s="42" customFormat="1" ht="37.5" customHeight="1">
      <c r="A15" s="310"/>
      <c r="B15" s="574" t="s">
        <v>2246</v>
      </c>
      <c r="C15" s="507"/>
      <c r="D15" s="575" t="s">
        <v>2247</v>
      </c>
      <c r="E15" s="705" t="s">
        <v>89</v>
      </c>
      <c r="F15" s="59"/>
      <c r="G15" s="60"/>
    </row>
    <row r="16" spans="1:7" s="578" customFormat="1" ht="37.5" customHeight="1">
      <c r="A16" s="576"/>
      <c r="B16" s="574" t="s">
        <v>2248</v>
      </c>
      <c r="C16" s="507"/>
      <c r="D16" s="508" t="s">
        <v>2249</v>
      </c>
      <c r="E16" s="705" t="s">
        <v>89</v>
      </c>
      <c r="F16" s="59"/>
      <c r="G16" s="60"/>
    </row>
    <row r="17" spans="1:7" s="41" customFormat="1" ht="37.5" customHeight="1">
      <c r="A17" s="568"/>
      <c r="B17" s="574" t="s">
        <v>2250</v>
      </c>
      <c r="C17" s="507"/>
      <c r="D17" s="575" t="s">
        <v>2251</v>
      </c>
      <c r="E17" s="705" t="s">
        <v>89</v>
      </c>
      <c r="F17" s="59"/>
      <c r="G17" s="60"/>
    </row>
    <row r="18" spans="1:7" s="41" customFormat="1" ht="37.5" customHeight="1">
      <c r="A18" s="568"/>
      <c r="B18" s="574" t="s">
        <v>2252</v>
      </c>
      <c r="C18" s="507"/>
      <c r="D18" s="575" t="s">
        <v>2253</v>
      </c>
      <c r="E18" s="705" t="s">
        <v>89</v>
      </c>
      <c r="F18" s="59"/>
      <c r="G18" s="60"/>
    </row>
    <row r="19" spans="1:7" s="41" customFormat="1" ht="37.5" customHeight="1">
      <c r="A19" s="568"/>
      <c r="B19" s="574" t="s">
        <v>2254</v>
      </c>
      <c r="C19" s="507"/>
      <c r="D19" s="575" t="s">
        <v>2255</v>
      </c>
      <c r="E19" s="705" t="s">
        <v>89</v>
      </c>
      <c r="F19" s="59"/>
      <c r="G19" s="60"/>
    </row>
    <row r="20" spans="1:7" s="41" customFormat="1" ht="37.5" customHeight="1">
      <c r="A20" s="568"/>
      <c r="B20" s="574" t="s">
        <v>2256</v>
      </c>
      <c r="C20" s="507"/>
      <c r="D20" s="579" t="s">
        <v>2257</v>
      </c>
      <c r="E20" s="705" t="s">
        <v>89</v>
      </c>
      <c r="F20" s="59"/>
      <c r="G20" s="60"/>
    </row>
    <row r="21" spans="1:7" s="41" customFormat="1" ht="37.5" customHeight="1">
      <c r="A21" s="568"/>
      <c r="B21" s="574" t="s">
        <v>2258</v>
      </c>
      <c r="C21" s="507"/>
      <c r="D21" s="579" t="s">
        <v>2259</v>
      </c>
      <c r="E21" s="705" t="s">
        <v>89</v>
      </c>
      <c r="F21" s="59"/>
      <c r="G21" s="60"/>
    </row>
    <row r="22" spans="1:7" s="41" customFormat="1" ht="37.5" customHeight="1">
      <c r="A22" s="47"/>
      <c r="B22" s="574" t="s">
        <v>2260</v>
      </c>
      <c r="C22" s="507"/>
      <c r="D22" s="575" t="s">
        <v>2261</v>
      </c>
      <c r="E22" s="705" t="s">
        <v>89</v>
      </c>
      <c r="F22" s="700" t="s">
        <v>2842</v>
      </c>
      <c r="G22" s="60"/>
    </row>
    <row r="23" spans="1:7" s="41" customFormat="1" ht="37.5" customHeight="1">
      <c r="A23" s="310"/>
      <c r="B23" s="574" t="s">
        <v>2262</v>
      </c>
      <c r="C23" s="507"/>
      <c r="D23" s="575" t="s">
        <v>2263</v>
      </c>
      <c r="E23" s="705" t="s">
        <v>89</v>
      </c>
      <c r="F23" s="700" t="s">
        <v>2842</v>
      </c>
      <c r="G23" s="60"/>
    </row>
    <row r="24" spans="1:7" s="41" customFormat="1" ht="37.5" customHeight="1">
      <c r="A24" s="568"/>
      <c r="B24" s="574" t="s">
        <v>2264</v>
      </c>
      <c r="C24" s="507"/>
      <c r="D24" s="575" t="s">
        <v>2265</v>
      </c>
      <c r="E24" s="705" t="s">
        <v>89</v>
      </c>
      <c r="F24" s="700" t="s">
        <v>2842</v>
      </c>
      <c r="G24" s="60"/>
    </row>
    <row r="25" spans="1:7" s="41" customFormat="1" ht="37.5" customHeight="1">
      <c r="A25" s="47"/>
      <c r="B25" s="574" t="s">
        <v>2266</v>
      </c>
      <c r="C25" s="507"/>
      <c r="D25" s="575" t="s">
        <v>2267</v>
      </c>
      <c r="E25" s="705" t="s">
        <v>89</v>
      </c>
      <c r="F25" s="700" t="s">
        <v>2842</v>
      </c>
      <c r="G25" s="60"/>
    </row>
    <row r="26" spans="1:7" s="41" customFormat="1" ht="37.5" customHeight="1">
      <c r="A26" s="47"/>
      <c r="B26" s="574" t="s">
        <v>2268</v>
      </c>
      <c r="C26" s="507"/>
      <c r="D26" s="575" t="s">
        <v>2269</v>
      </c>
      <c r="E26" s="705" t="s">
        <v>89</v>
      </c>
      <c r="F26" s="700" t="s">
        <v>2842</v>
      </c>
      <c r="G26" s="60"/>
    </row>
    <row r="27" spans="1:7" s="41" customFormat="1" ht="37.5" customHeight="1">
      <c r="A27" s="568"/>
      <c r="B27" s="574" t="s">
        <v>2270</v>
      </c>
      <c r="C27" s="507"/>
      <c r="D27" s="575" t="s">
        <v>2271</v>
      </c>
      <c r="E27" s="705" t="s">
        <v>89</v>
      </c>
      <c r="F27" s="700" t="s">
        <v>2842</v>
      </c>
      <c r="G27" s="60"/>
    </row>
    <row r="28" spans="1:7" s="41" customFormat="1" ht="37.5" customHeight="1">
      <c r="A28" s="568"/>
      <c r="B28" s="574" t="s">
        <v>2272</v>
      </c>
      <c r="C28" s="507"/>
      <c r="D28" s="575" t="s">
        <v>2273</v>
      </c>
      <c r="E28" s="705" t="s">
        <v>89</v>
      </c>
      <c r="F28" s="700" t="s">
        <v>2842</v>
      </c>
      <c r="G28" s="60"/>
    </row>
    <row r="29" spans="1:7" s="41" customFormat="1" ht="37.5" customHeight="1">
      <c r="A29" s="47"/>
      <c r="B29" s="574" t="s">
        <v>2274</v>
      </c>
      <c r="C29" s="507"/>
      <c r="D29" s="575" t="s">
        <v>2275</v>
      </c>
      <c r="E29" s="705" t="s">
        <v>89</v>
      </c>
      <c r="F29" s="59"/>
      <c r="G29" s="60"/>
    </row>
    <row r="30" spans="1:7" s="41" customFormat="1" ht="37.5" customHeight="1">
      <c r="A30" s="47"/>
      <c r="B30" s="574" t="s">
        <v>2276</v>
      </c>
      <c r="C30" s="507"/>
      <c r="D30" s="575" t="s">
        <v>2277</v>
      </c>
      <c r="E30" s="705" t="s">
        <v>89</v>
      </c>
      <c r="F30" s="700" t="s">
        <v>2842</v>
      </c>
      <c r="G30" s="60"/>
    </row>
    <row r="31" spans="1:7" s="41" customFormat="1" ht="37.5" customHeight="1">
      <c r="A31" s="47"/>
      <c r="B31" s="574" t="s">
        <v>2278</v>
      </c>
      <c r="C31" s="507"/>
      <c r="D31" s="575" t="s">
        <v>2279</v>
      </c>
      <c r="E31" s="705" t="s">
        <v>89</v>
      </c>
      <c r="F31" s="700" t="s">
        <v>2842</v>
      </c>
      <c r="G31" s="60"/>
    </row>
    <row r="32" spans="1:7" s="41" customFormat="1" ht="37.5" customHeight="1">
      <c r="A32" s="568"/>
      <c r="B32" s="574" t="s">
        <v>2280</v>
      </c>
      <c r="C32" s="507"/>
      <c r="D32" s="575" t="s">
        <v>2281</v>
      </c>
      <c r="E32" s="705" t="s">
        <v>89</v>
      </c>
      <c r="F32" s="59"/>
      <c r="G32" s="60"/>
    </row>
    <row r="33" spans="1:7" s="41" customFormat="1" ht="37.5" customHeight="1">
      <c r="A33" s="568"/>
      <c r="B33" s="574" t="s">
        <v>2282</v>
      </c>
      <c r="C33" s="507"/>
      <c r="D33" s="575" t="s">
        <v>2283</v>
      </c>
      <c r="E33" s="705" t="s">
        <v>89</v>
      </c>
      <c r="F33" s="59"/>
      <c r="G33" s="60"/>
    </row>
    <row r="34" spans="1:7" s="41" customFormat="1" ht="37.5" customHeight="1">
      <c r="A34" s="568"/>
      <c r="B34" s="574" t="s">
        <v>2284</v>
      </c>
      <c r="C34" s="507"/>
      <c r="D34" s="575" t="s">
        <v>2285</v>
      </c>
      <c r="E34" s="705" t="s">
        <v>89</v>
      </c>
      <c r="F34" s="700" t="s">
        <v>2842</v>
      </c>
      <c r="G34" s="60"/>
    </row>
    <row r="35" spans="1:7" s="41" customFormat="1" ht="37.5" customHeight="1">
      <c r="A35" s="47"/>
      <c r="B35" s="574" t="s">
        <v>2286</v>
      </c>
      <c r="C35" s="507"/>
      <c r="D35" s="575" t="s">
        <v>2287</v>
      </c>
      <c r="E35" s="705" t="s">
        <v>89</v>
      </c>
      <c r="F35" s="700" t="s">
        <v>2842</v>
      </c>
      <c r="G35" s="60"/>
    </row>
    <row r="36" spans="1:7" s="42" customFormat="1" ht="37.5" customHeight="1">
      <c r="A36" s="568"/>
      <c r="B36" s="574" t="s">
        <v>2288</v>
      </c>
      <c r="C36" s="507"/>
      <c r="D36" s="575" t="s">
        <v>2289</v>
      </c>
      <c r="E36" s="705" t="s">
        <v>89</v>
      </c>
      <c r="F36" s="700" t="s">
        <v>2842</v>
      </c>
      <c r="G36" s="60"/>
    </row>
    <row r="37" spans="1:7" s="41" customFormat="1" ht="37.5" customHeight="1">
      <c r="A37" s="47"/>
      <c r="B37" s="574" t="s">
        <v>2290</v>
      </c>
      <c r="C37" s="507"/>
      <c r="D37" s="575" t="s">
        <v>2291</v>
      </c>
      <c r="E37" s="705" t="s">
        <v>89</v>
      </c>
      <c r="F37" s="700" t="s">
        <v>2842</v>
      </c>
      <c r="G37" s="60"/>
    </row>
    <row r="38" spans="1:7" s="43" customFormat="1" ht="37.5" customHeight="1">
      <c r="A38" s="568"/>
      <c r="B38" s="574" t="s">
        <v>2293</v>
      </c>
      <c r="C38" s="507"/>
      <c r="D38" s="575" t="s">
        <v>2294</v>
      </c>
      <c r="E38" s="705" t="s">
        <v>89</v>
      </c>
      <c r="F38" s="59"/>
      <c r="G38" s="60"/>
    </row>
    <row r="39" spans="1:7" s="41" customFormat="1" ht="37.5" customHeight="1">
      <c r="A39" s="568"/>
      <c r="B39" s="574" t="s">
        <v>2295</v>
      </c>
      <c r="C39" s="507"/>
      <c r="D39" s="575" t="s">
        <v>2296</v>
      </c>
      <c r="E39" s="705" t="s">
        <v>89</v>
      </c>
      <c r="F39" s="59"/>
      <c r="G39" s="60"/>
    </row>
    <row r="40" spans="1:7" s="41" customFormat="1" ht="37.5" customHeight="1">
      <c r="A40" s="568"/>
      <c r="B40" s="574" t="s">
        <v>2297</v>
      </c>
      <c r="C40" s="507"/>
      <c r="D40" s="575" t="s">
        <v>2298</v>
      </c>
      <c r="E40" s="705" t="s">
        <v>89</v>
      </c>
      <c r="F40" s="700" t="s">
        <v>2842</v>
      </c>
      <c r="G40" s="60"/>
    </row>
    <row r="41" spans="1:7" s="43" customFormat="1" ht="37.5" customHeight="1">
      <c r="A41" s="47"/>
      <c r="B41" s="574" t="s">
        <v>2299</v>
      </c>
      <c r="C41" s="507"/>
      <c r="D41" s="575" t="s">
        <v>2300</v>
      </c>
      <c r="E41" s="705" t="s">
        <v>89</v>
      </c>
      <c r="F41" s="700" t="s">
        <v>2842</v>
      </c>
      <c r="G41" s="60"/>
    </row>
    <row r="42" spans="1:7" s="41" customFormat="1" ht="37.5" customHeight="1">
      <c r="A42" s="47"/>
      <c r="B42" s="574" t="s">
        <v>2301</v>
      </c>
      <c r="C42" s="507"/>
      <c r="D42" s="575" t="s">
        <v>2302</v>
      </c>
      <c r="E42" s="705" t="s">
        <v>89</v>
      </c>
      <c r="F42" s="700" t="s">
        <v>2842</v>
      </c>
      <c r="G42" s="60"/>
    </row>
    <row r="43" spans="1:7" s="41" customFormat="1" ht="37.5" customHeight="1">
      <c r="A43" s="568"/>
      <c r="B43" s="574" t="s">
        <v>2303</v>
      </c>
      <c r="C43" s="507"/>
      <c r="D43" s="575" t="s">
        <v>2304</v>
      </c>
      <c r="E43" s="705" t="s">
        <v>89</v>
      </c>
      <c r="F43" s="59"/>
      <c r="G43" s="60"/>
    </row>
    <row r="44" spans="1:7" s="41" customFormat="1" ht="37.5" customHeight="1">
      <c r="A44" s="47"/>
      <c r="B44" s="574" t="s">
        <v>2305</v>
      </c>
      <c r="C44" s="507"/>
      <c r="D44" s="575" t="s">
        <v>2306</v>
      </c>
      <c r="E44" s="705" t="s">
        <v>89</v>
      </c>
      <c r="F44" s="59"/>
      <c r="G44" s="60"/>
    </row>
    <row r="45" spans="1:7" s="43" customFormat="1" ht="37.5" customHeight="1">
      <c r="A45" s="568"/>
      <c r="B45" s="574" t="s">
        <v>2307</v>
      </c>
      <c r="C45" s="507"/>
      <c r="D45" s="575" t="s">
        <v>2308</v>
      </c>
      <c r="E45" s="705" t="s">
        <v>89</v>
      </c>
      <c r="F45" s="59"/>
      <c r="G45" s="60"/>
    </row>
    <row r="46" spans="1:7" s="44" customFormat="1" ht="37.5" customHeight="1">
      <c r="A46" s="310"/>
      <c r="B46" s="574" t="s">
        <v>2309</v>
      </c>
      <c r="C46" s="507"/>
      <c r="D46" s="575" t="s">
        <v>2310</v>
      </c>
      <c r="E46" s="705" t="s">
        <v>89</v>
      </c>
      <c r="F46" s="59"/>
      <c r="G46" s="60"/>
    </row>
    <row r="47" spans="1:7" s="44" customFormat="1" ht="37.5" customHeight="1">
      <c r="A47" s="310"/>
      <c r="B47" s="574" t="s">
        <v>2311</v>
      </c>
      <c r="C47" s="507"/>
      <c r="D47" s="575" t="s">
        <v>2312</v>
      </c>
      <c r="E47" s="705" t="s">
        <v>89</v>
      </c>
      <c r="F47" s="104"/>
      <c r="G47" s="60"/>
    </row>
    <row r="48" spans="1:7" s="44" customFormat="1" ht="37.5" customHeight="1">
      <c r="A48" s="310"/>
      <c r="B48" s="574" t="s">
        <v>2313</v>
      </c>
      <c r="C48" s="507"/>
      <c r="D48" s="575"/>
      <c r="E48" s="705" t="s">
        <v>89</v>
      </c>
      <c r="F48" s="104"/>
      <c r="G48" s="60"/>
    </row>
    <row r="49" spans="1:7" s="44" customFormat="1" ht="37.5" customHeight="1">
      <c r="A49" s="344"/>
      <c r="B49" s="574" t="s">
        <v>2314</v>
      </c>
      <c r="C49" s="507"/>
      <c r="D49" s="575" t="s">
        <v>2315</v>
      </c>
      <c r="E49" s="705" t="s">
        <v>89</v>
      </c>
      <c r="F49" s="59"/>
      <c r="G49" s="60" t="s">
        <v>2316</v>
      </c>
    </row>
    <row r="50" spans="1:7" s="44" customFormat="1" ht="37.5" customHeight="1">
      <c r="A50" s="344"/>
      <c r="B50" s="574" t="s">
        <v>2317</v>
      </c>
      <c r="C50" s="507"/>
      <c r="D50" s="579" t="s">
        <v>2318</v>
      </c>
      <c r="E50" s="705" t="s">
        <v>89</v>
      </c>
      <c r="F50" s="59"/>
      <c r="G50" s="60"/>
    </row>
    <row r="51" spans="1:7" s="43" customFormat="1" ht="37.5" customHeight="1">
      <c r="A51" s="344"/>
      <c r="B51" s="574" t="s">
        <v>2319</v>
      </c>
      <c r="C51"/>
      <c r="D51" s="579" t="s">
        <v>2320</v>
      </c>
      <c r="E51" s="705" t="s">
        <v>89</v>
      </c>
      <c r="F51" s="104"/>
      <c r="G51" s="60" t="s">
        <v>2321</v>
      </c>
    </row>
    <row r="52" spans="1:7" s="44" customFormat="1" ht="37.5" customHeight="1">
      <c r="A52" s="344"/>
      <c r="B52" s="574" t="s">
        <v>2322</v>
      </c>
      <c r="C52" s="507"/>
      <c r="D52" s="579" t="s">
        <v>2323</v>
      </c>
      <c r="E52" s="705" t="s">
        <v>89</v>
      </c>
      <c r="F52" s="700" t="s">
        <v>2842</v>
      </c>
      <c r="G52" s="60"/>
    </row>
    <row r="53" spans="1:7" s="44" customFormat="1" ht="37.5" customHeight="1">
      <c r="A53" s="310"/>
      <c r="B53" s="574" t="s">
        <v>2324</v>
      </c>
      <c r="C53" s="507"/>
      <c r="D53" s="508" t="s">
        <v>2325</v>
      </c>
      <c r="E53" s="705" t="s">
        <v>89</v>
      </c>
      <c r="F53" s="700" t="s">
        <v>2842</v>
      </c>
      <c r="G53" s="60"/>
    </row>
    <row r="54" spans="1:7" s="44" customFormat="1" ht="40.35" customHeight="1">
      <c r="A54" s="310"/>
      <c r="B54" s="574" t="s">
        <v>2326</v>
      </c>
      <c r="C54" s="507"/>
      <c r="D54" s="579" t="s">
        <v>2327</v>
      </c>
      <c r="E54" s="705" t="s">
        <v>89</v>
      </c>
      <c r="F54" s="700" t="s">
        <v>2842</v>
      </c>
      <c r="G54" s="60"/>
    </row>
    <row r="55" spans="1:7" s="44" customFormat="1" ht="40.35" customHeight="1">
      <c r="A55" s="310"/>
      <c r="B55" s="574" t="s">
        <v>2328</v>
      </c>
      <c r="C55" s="507"/>
      <c r="D55" s="579" t="s">
        <v>2329</v>
      </c>
      <c r="E55" s="705" t="s">
        <v>89</v>
      </c>
      <c r="F55" s="700" t="s">
        <v>2842</v>
      </c>
      <c r="G55" s="60"/>
    </row>
    <row r="56" spans="1:7" s="44" customFormat="1" ht="40.35" customHeight="1">
      <c r="A56" s="310"/>
      <c r="B56" s="574" t="s">
        <v>2330</v>
      </c>
      <c r="C56" s="507"/>
      <c r="D56" s="579" t="s">
        <v>2331</v>
      </c>
      <c r="E56" s="705" t="s">
        <v>89</v>
      </c>
      <c r="F56" s="700" t="s">
        <v>2842</v>
      </c>
      <c r="G56" s="60"/>
    </row>
    <row r="57" spans="1:7" s="44" customFormat="1" ht="40.35" customHeight="1">
      <c r="A57" s="310"/>
      <c r="B57" s="574" t="s">
        <v>2332</v>
      </c>
      <c r="C57" s="507"/>
      <c r="D57" s="579" t="s">
        <v>2333</v>
      </c>
      <c r="E57" s="705" t="s">
        <v>89</v>
      </c>
      <c r="F57" s="59"/>
      <c r="G57" s="60"/>
    </row>
    <row r="58" spans="1:7" s="44" customFormat="1" ht="40.35" customHeight="1">
      <c r="A58" s="310"/>
      <c r="B58" s="574" t="s">
        <v>2334</v>
      </c>
      <c r="C58" s="274"/>
      <c r="D58" s="579" t="s">
        <v>2335</v>
      </c>
      <c r="E58" s="705" t="s">
        <v>89</v>
      </c>
      <c r="F58" s="59"/>
      <c r="G58" s="60"/>
    </row>
    <row r="59" spans="1:7" s="44" customFormat="1" ht="40.35" customHeight="1">
      <c r="A59" s="310"/>
      <c r="B59" s="574" t="s">
        <v>2336</v>
      </c>
      <c r="C59" s="507"/>
      <c r="D59" s="579" t="s">
        <v>2337</v>
      </c>
      <c r="E59" s="705" t="s">
        <v>89</v>
      </c>
      <c r="F59" s="59"/>
      <c r="G59" s="60"/>
    </row>
    <row r="60" spans="1:7" s="44" customFormat="1" ht="40.35" customHeight="1">
      <c r="A60" s="310"/>
      <c r="B60" s="574" t="s">
        <v>2338</v>
      </c>
      <c r="C60" s="507"/>
      <c r="D60" s="575" t="s">
        <v>2339</v>
      </c>
      <c r="E60" s="705" t="s">
        <v>89</v>
      </c>
      <c r="F60" s="700" t="s">
        <v>2842</v>
      </c>
      <c r="G60" s="60"/>
    </row>
    <row r="61" spans="1:7" s="44" customFormat="1" ht="40.35" customHeight="1">
      <c r="A61" s="310"/>
      <c r="B61" s="574" t="s">
        <v>2340</v>
      </c>
      <c r="C61"/>
      <c r="D61" s="508" t="s">
        <v>2341</v>
      </c>
      <c r="E61" s="705" t="s">
        <v>89</v>
      </c>
      <c r="F61" s="104"/>
      <c r="G61" s="60"/>
    </row>
    <row r="62" spans="1:7" s="44" customFormat="1" ht="40.35" customHeight="1">
      <c r="A62" s="310"/>
      <c r="B62" s="574" t="s">
        <v>2342</v>
      </c>
      <c r="C62" s="580"/>
      <c r="D62" s="508" t="s">
        <v>2343</v>
      </c>
      <c r="E62" s="705" t="s">
        <v>89</v>
      </c>
      <c r="F62" s="104"/>
      <c r="G62" s="60"/>
    </row>
    <row r="63" spans="1:7" s="44" customFormat="1" ht="40.35" customHeight="1">
      <c r="A63" s="310"/>
      <c r="B63" s="574" t="s">
        <v>2344</v>
      </c>
      <c r="C63" s="580"/>
      <c r="D63" s="579" t="s">
        <v>2345</v>
      </c>
      <c r="E63" s="705" t="s">
        <v>89</v>
      </c>
      <c r="F63" s="104"/>
      <c r="G63" s="60"/>
    </row>
    <row r="64" spans="1:7" s="44" customFormat="1" ht="40.35" customHeight="1">
      <c r="A64" s="310"/>
      <c r="B64" s="574" t="s">
        <v>2338</v>
      </c>
      <c r="C64" s="580"/>
      <c r="D64" s="579" t="s">
        <v>2346</v>
      </c>
      <c r="E64" s="705" t="s">
        <v>89</v>
      </c>
      <c r="F64" s="700" t="s">
        <v>2842</v>
      </c>
      <c r="G64" s="60"/>
    </row>
    <row r="65" spans="1:7" s="44" customFormat="1" ht="40.35" customHeight="1">
      <c r="A65" s="581"/>
      <c r="B65" s="574" t="s">
        <v>2347</v>
      </c>
      <c r="C65" s="580"/>
      <c r="D65" s="579"/>
      <c r="E65" s="705" t="s">
        <v>89</v>
      </c>
      <c r="F65" s="104" t="s">
        <v>824</v>
      </c>
      <c r="G65" s="60"/>
    </row>
    <row r="66" spans="1:7" s="44" customFormat="1" ht="40.35" customHeight="1">
      <c r="A66" s="581"/>
      <c r="B66" s="574" t="s">
        <v>2348</v>
      </c>
      <c r="C66" s="580"/>
      <c r="D66" s="579"/>
      <c r="E66" s="705" t="s">
        <v>89</v>
      </c>
      <c r="F66" s="104" t="s">
        <v>824</v>
      </c>
      <c r="G66" s="60"/>
    </row>
    <row r="67" spans="1:7" s="44" customFormat="1" ht="40.35" customHeight="1">
      <c r="A67" s="581"/>
      <c r="B67" s="574" t="s">
        <v>330</v>
      </c>
      <c r="C67" s="580"/>
      <c r="D67" s="579"/>
      <c r="E67" s="705" t="s">
        <v>89</v>
      </c>
      <c r="F67" s="104" t="s">
        <v>824</v>
      </c>
      <c r="G67" s="60"/>
    </row>
  </sheetData>
  <hyperlinks>
    <hyperlink ref="B7" r:id="rId1"/>
  </hyperlinks>
  <pageMargins left="0.69930555555555596" right="0.69930555555555596" top="0.75" bottom="0.75" header="0.3" footer="0.3"/>
  <pageSetup paperSize="9" orientation="portrait" r:id="rId2"/>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156"/>
  <sheetViews>
    <sheetView zoomScale="60" zoomScaleNormal="60" workbookViewId="0"/>
  </sheetViews>
  <sheetFormatPr defaultColWidth="9" defaultRowHeight="16.5"/>
  <cols>
    <col min="1" max="1" width="15.5703125" style="583" customWidth="1"/>
    <col min="2" max="2" width="11.42578125" style="583" customWidth="1"/>
    <col min="3" max="4" width="17.42578125" style="583" customWidth="1"/>
    <col min="5" max="5" width="16.5703125" style="583" customWidth="1"/>
    <col min="6" max="6" width="17.5703125" style="583" customWidth="1"/>
    <col min="7" max="7" width="21.42578125" style="583" customWidth="1"/>
    <col min="8" max="8" width="19" style="583" customWidth="1"/>
    <col min="9" max="11" width="15.42578125" style="583" customWidth="1"/>
    <col min="12" max="13" width="17.42578125" style="583" customWidth="1"/>
    <col min="14" max="14" width="19.42578125" style="583" customWidth="1"/>
    <col min="15" max="15" width="17.42578125" style="583" customWidth="1"/>
    <col min="16" max="16" width="18.42578125" style="583" customWidth="1"/>
    <col min="17" max="17" width="16.5703125" style="583" customWidth="1"/>
    <col min="18" max="18" width="20.42578125" style="583" customWidth="1"/>
    <col min="19" max="16384" width="9" style="583"/>
  </cols>
  <sheetData>
    <row r="2" spans="1:17" ht="17.25" thickBot="1">
      <c r="A2" s="582" t="s">
        <v>2349</v>
      </c>
      <c r="B2" s="582"/>
      <c r="C2" s="582"/>
      <c r="D2" s="582"/>
      <c r="E2" s="582"/>
      <c r="F2" s="582"/>
      <c r="G2" s="582"/>
      <c r="H2" s="582"/>
      <c r="I2" s="582"/>
      <c r="J2" s="582"/>
      <c r="K2" s="582"/>
      <c r="L2" s="582"/>
      <c r="M2" s="582"/>
      <c r="N2" s="582"/>
      <c r="O2" s="582"/>
      <c r="P2" s="582"/>
      <c r="Q2" s="582"/>
    </row>
    <row r="3" spans="1:17" ht="78" customHeight="1">
      <c r="A3" s="753"/>
      <c r="B3" s="756" t="s">
        <v>2350</v>
      </c>
      <c r="C3" s="584"/>
      <c r="D3" s="585"/>
      <c r="E3" s="585"/>
      <c r="F3" s="585"/>
      <c r="G3" s="585"/>
      <c r="H3" s="585"/>
      <c r="I3" s="585"/>
      <c r="J3" s="585"/>
      <c r="K3" s="585"/>
      <c r="L3" s="585"/>
      <c r="M3" s="585"/>
      <c r="N3" s="586"/>
    </row>
    <row r="4" spans="1:17">
      <c r="A4" s="754"/>
      <c r="B4" s="757"/>
      <c r="C4" s="587" t="s">
        <v>2314</v>
      </c>
      <c r="D4" s="582" t="s">
        <v>2288</v>
      </c>
      <c r="E4" s="582" t="s">
        <v>2351</v>
      </c>
      <c r="F4" s="582" t="s">
        <v>2352</v>
      </c>
      <c r="G4" s="582" t="s">
        <v>2353</v>
      </c>
      <c r="H4" s="582" t="s">
        <v>2354</v>
      </c>
      <c r="I4" s="588" t="s">
        <v>2299</v>
      </c>
      <c r="J4" s="582" t="s">
        <v>2295</v>
      </c>
      <c r="K4" s="588" t="s">
        <v>2264</v>
      </c>
      <c r="L4" s="588" t="s">
        <v>2309</v>
      </c>
      <c r="M4" s="582" t="s">
        <v>2280</v>
      </c>
      <c r="N4" s="582" t="s">
        <v>2355</v>
      </c>
      <c r="O4" s="582" t="s">
        <v>2356</v>
      </c>
      <c r="P4" s="582" t="s">
        <v>2357</v>
      </c>
      <c r="Q4" s="582" t="s">
        <v>2358</v>
      </c>
    </row>
    <row r="5" spans="1:17">
      <c r="A5" s="754"/>
      <c r="B5" s="757"/>
      <c r="C5" s="589" t="s">
        <v>2359</v>
      </c>
      <c r="D5" s="583" t="s">
        <v>2360</v>
      </c>
      <c r="E5" s="590" t="s">
        <v>2361</v>
      </c>
      <c r="F5" s="590" t="s">
        <v>2362</v>
      </c>
      <c r="G5" s="590" t="s">
        <v>2363</v>
      </c>
      <c r="H5" s="590" t="s">
        <v>2364</v>
      </c>
      <c r="I5" s="590" t="s">
        <v>2365</v>
      </c>
      <c r="J5" s="590" t="s">
        <v>2366</v>
      </c>
      <c r="K5" s="590" t="s">
        <v>2367</v>
      </c>
      <c r="L5" s="590" t="s">
        <v>2368</v>
      </c>
      <c r="M5" s="590" t="s">
        <v>2369</v>
      </c>
      <c r="N5" s="590" t="s">
        <v>2370</v>
      </c>
      <c r="O5" s="590" t="s">
        <v>2371</v>
      </c>
      <c r="P5" s="590" t="s">
        <v>2372</v>
      </c>
      <c r="Q5" s="590" t="s">
        <v>2373</v>
      </c>
    </row>
    <row r="6" spans="1:17" ht="82.5">
      <c r="A6" s="754"/>
      <c r="B6" s="757"/>
      <c r="C6" s="591" t="s">
        <v>2374</v>
      </c>
      <c r="D6" s="590" t="s">
        <v>2375</v>
      </c>
      <c r="E6" s="590" t="s">
        <v>2376</v>
      </c>
      <c r="F6" s="590" t="s">
        <v>2377</v>
      </c>
      <c r="G6" s="590" t="s">
        <v>2378</v>
      </c>
      <c r="H6" s="590" t="s">
        <v>2379</v>
      </c>
      <c r="I6" s="590" t="s">
        <v>2380</v>
      </c>
      <c r="J6" s="590" t="s">
        <v>2381</v>
      </c>
      <c r="K6" s="590" t="s">
        <v>2382</v>
      </c>
      <c r="L6" s="590" t="s">
        <v>2383</v>
      </c>
      <c r="M6" s="590" t="s">
        <v>2384</v>
      </c>
      <c r="N6" s="590" t="s">
        <v>2385</v>
      </c>
      <c r="O6" s="590" t="s">
        <v>2386</v>
      </c>
      <c r="P6" s="590" t="s">
        <v>2386</v>
      </c>
      <c r="Q6" s="590" t="s">
        <v>2383</v>
      </c>
    </row>
    <row r="7" spans="1:17" ht="49.5">
      <c r="A7" s="754"/>
      <c r="B7" s="757"/>
      <c r="C7" s="591" t="s">
        <v>2387</v>
      </c>
      <c r="D7" s="590" t="s">
        <v>2388</v>
      </c>
      <c r="E7" s="590" t="s">
        <v>2389</v>
      </c>
      <c r="F7" s="590" t="s">
        <v>2390</v>
      </c>
      <c r="G7" s="590" t="s">
        <v>2391</v>
      </c>
      <c r="H7" s="590" t="s">
        <v>2392</v>
      </c>
      <c r="I7" s="590" t="s">
        <v>2393</v>
      </c>
      <c r="J7" s="590" t="s">
        <v>2394</v>
      </c>
      <c r="K7" s="590" t="s">
        <v>2395</v>
      </c>
      <c r="L7" s="590" t="s">
        <v>2396</v>
      </c>
      <c r="M7" s="590" t="s">
        <v>2397</v>
      </c>
      <c r="N7" s="590" t="s">
        <v>2398</v>
      </c>
      <c r="O7" s="590" t="s">
        <v>2398</v>
      </c>
      <c r="P7" s="590" t="s">
        <v>2399</v>
      </c>
      <c r="Q7" s="590" t="s">
        <v>2400</v>
      </c>
    </row>
    <row r="8" spans="1:17">
      <c r="A8" s="754"/>
      <c r="B8" s="757"/>
      <c r="C8" s="589" t="s">
        <v>2401</v>
      </c>
      <c r="D8" s="583" t="s">
        <v>2401</v>
      </c>
      <c r="E8" s="583" t="s">
        <v>2402</v>
      </c>
      <c r="F8" s="583" t="s">
        <v>2403</v>
      </c>
      <c r="G8" s="583" t="s">
        <v>2404</v>
      </c>
      <c r="H8" s="583" t="s">
        <v>2405</v>
      </c>
      <c r="I8" s="583" t="s">
        <v>2406</v>
      </c>
      <c r="J8" s="583" t="s">
        <v>2407</v>
      </c>
      <c r="K8" s="583" t="s">
        <v>2408</v>
      </c>
      <c r="L8" s="583" t="s">
        <v>2409</v>
      </c>
      <c r="M8" s="583" t="s">
        <v>2410</v>
      </c>
      <c r="N8" s="583" t="s">
        <v>2411</v>
      </c>
      <c r="O8" s="583" t="s">
        <v>2412</v>
      </c>
      <c r="P8" s="583" t="s">
        <v>2413</v>
      </c>
      <c r="Q8" s="583" t="s">
        <v>2406</v>
      </c>
    </row>
    <row r="9" spans="1:17" ht="17.25" thickBot="1">
      <c r="A9" s="755"/>
      <c r="B9" s="758"/>
      <c r="C9" s="592"/>
      <c r="D9" s="593"/>
      <c r="E9" s="593"/>
      <c r="F9" s="593"/>
      <c r="G9" s="593"/>
      <c r="H9" s="593"/>
      <c r="I9" s="594"/>
      <c r="J9" s="594"/>
      <c r="K9" s="594"/>
      <c r="L9" s="594"/>
      <c r="M9" s="594"/>
      <c r="N9" s="595"/>
    </row>
    <row r="11" spans="1:17" ht="17.25" thickBot="1">
      <c r="A11" s="582" t="s">
        <v>2414</v>
      </c>
      <c r="B11" s="582"/>
      <c r="C11" s="582"/>
      <c r="D11" s="582"/>
      <c r="E11" s="582"/>
      <c r="F11" s="582"/>
      <c r="G11" s="582"/>
      <c r="H11" s="582"/>
      <c r="I11" s="582"/>
      <c r="J11" s="582"/>
      <c r="K11" s="582"/>
      <c r="L11" s="582"/>
      <c r="M11" s="596"/>
      <c r="N11" s="596"/>
      <c r="O11" s="596"/>
      <c r="P11" s="596"/>
    </row>
    <row r="12" spans="1:17" ht="70.5" customHeight="1">
      <c r="A12" s="753"/>
      <c r="B12" s="759" t="s">
        <v>2415</v>
      </c>
      <c r="C12" s="597"/>
      <c r="D12" s="585"/>
      <c r="E12" s="585"/>
      <c r="F12" s="585"/>
      <c r="G12" s="585"/>
      <c r="H12" s="585"/>
      <c r="I12" s="585"/>
      <c r="J12" s="585"/>
      <c r="K12" s="585"/>
      <c r="L12" s="598"/>
    </row>
    <row r="13" spans="1:17">
      <c r="A13" s="754"/>
      <c r="B13" s="760"/>
      <c r="C13" s="587" t="s">
        <v>2266</v>
      </c>
      <c r="D13" s="582" t="s">
        <v>2416</v>
      </c>
      <c r="E13" s="582" t="s">
        <v>2256</v>
      </c>
      <c r="F13" s="582" t="s">
        <v>2295</v>
      </c>
      <c r="G13" s="582" t="s">
        <v>2252</v>
      </c>
      <c r="H13" s="582" t="s">
        <v>2278</v>
      </c>
      <c r="I13" s="582" t="s">
        <v>2338</v>
      </c>
      <c r="J13" s="582" t="s">
        <v>2330</v>
      </c>
      <c r="K13" s="588" t="s">
        <v>2332</v>
      </c>
      <c r="L13" s="599" t="s">
        <v>2334</v>
      </c>
    </row>
    <row r="14" spans="1:17">
      <c r="A14" s="754"/>
      <c r="B14" s="760"/>
      <c r="C14" s="589" t="s">
        <v>2417</v>
      </c>
      <c r="D14" s="583" t="s">
        <v>2418</v>
      </c>
      <c r="E14" s="583" t="s">
        <v>2419</v>
      </c>
      <c r="F14" s="583" t="s">
        <v>2366</v>
      </c>
      <c r="G14" s="583" t="s">
        <v>2420</v>
      </c>
      <c r="H14" s="583" t="s">
        <v>2421</v>
      </c>
      <c r="I14" s="590" t="s">
        <v>2422</v>
      </c>
      <c r="J14" s="583" t="s">
        <v>2423</v>
      </c>
      <c r="K14" s="583" t="s">
        <v>2424</v>
      </c>
      <c r="L14" s="600" t="s">
        <v>2425</v>
      </c>
    </row>
    <row r="15" spans="1:17" ht="115.5">
      <c r="A15" s="754"/>
      <c r="B15" s="760"/>
      <c r="C15" s="591" t="s">
        <v>2426</v>
      </c>
      <c r="D15" s="583" t="s">
        <v>2427</v>
      </c>
      <c r="E15" s="590" t="s">
        <v>2428</v>
      </c>
      <c r="F15" s="590" t="s">
        <v>2381</v>
      </c>
      <c r="G15" s="590" t="s">
        <v>2429</v>
      </c>
      <c r="H15" s="590" t="s">
        <v>2430</v>
      </c>
      <c r="I15" s="590" t="s">
        <v>2431</v>
      </c>
      <c r="J15" s="590" t="s">
        <v>2432</v>
      </c>
      <c r="K15" s="590" t="s">
        <v>2433</v>
      </c>
      <c r="L15" s="601" t="s">
        <v>2434</v>
      </c>
      <c r="O15" s="590"/>
      <c r="P15" s="590"/>
    </row>
    <row r="16" spans="1:17" ht="49.5">
      <c r="A16" s="754"/>
      <c r="B16" s="760"/>
      <c r="C16" s="591" t="s">
        <v>2435</v>
      </c>
      <c r="D16" s="590" t="s">
        <v>2436</v>
      </c>
      <c r="E16" s="590" t="s">
        <v>2437</v>
      </c>
      <c r="F16" s="590" t="s">
        <v>2394</v>
      </c>
      <c r="G16" s="590" t="s">
        <v>2438</v>
      </c>
      <c r="H16" s="590" t="s">
        <v>2439</v>
      </c>
      <c r="I16" s="590" t="s">
        <v>2440</v>
      </c>
      <c r="J16" s="590" t="s">
        <v>2441</v>
      </c>
      <c r="K16" s="590" t="s">
        <v>2442</v>
      </c>
      <c r="L16" s="601" t="s">
        <v>2443</v>
      </c>
      <c r="O16" s="590"/>
      <c r="P16" s="590"/>
    </row>
    <row r="17" spans="1:16" ht="33">
      <c r="A17" s="754"/>
      <c r="B17" s="760"/>
      <c r="C17" s="591" t="s">
        <v>2444</v>
      </c>
      <c r="D17" s="590" t="s">
        <v>2445</v>
      </c>
      <c r="E17" s="590" t="s">
        <v>2446</v>
      </c>
      <c r="F17" s="583" t="s">
        <v>2407</v>
      </c>
      <c r="G17" s="583" t="s">
        <v>2447</v>
      </c>
      <c r="H17" s="590" t="s">
        <v>2448</v>
      </c>
      <c r="I17" s="590" t="s">
        <v>2449</v>
      </c>
      <c r="J17" s="583" t="s">
        <v>2450</v>
      </c>
      <c r="K17" s="583" t="s">
        <v>2451</v>
      </c>
      <c r="L17" s="600" t="s">
        <v>2452</v>
      </c>
    </row>
    <row r="18" spans="1:16" ht="17.25" thickBot="1">
      <c r="A18" s="755"/>
      <c r="B18" s="761"/>
      <c r="C18" s="592"/>
      <c r="D18" s="593"/>
      <c r="E18" s="593"/>
      <c r="F18" s="593"/>
      <c r="G18" s="593"/>
      <c r="H18" s="593"/>
      <c r="I18" s="593"/>
      <c r="J18" s="593"/>
      <c r="K18" s="593"/>
      <c r="L18" s="602"/>
      <c r="O18" s="603"/>
      <c r="P18" s="603"/>
    </row>
    <row r="19" spans="1:16" ht="17.25" thickBot="1">
      <c r="A19" s="604"/>
      <c r="B19" s="605"/>
      <c r="C19" s="603"/>
      <c r="D19" s="603"/>
      <c r="E19" s="603"/>
      <c r="F19" s="603"/>
      <c r="G19" s="603"/>
      <c r="H19" s="603"/>
      <c r="I19" s="603"/>
      <c r="J19" s="603"/>
      <c r="K19" s="603"/>
    </row>
    <row r="20" spans="1:16" ht="72.75" customHeight="1">
      <c r="A20" s="753"/>
      <c r="B20" s="759" t="s">
        <v>2453</v>
      </c>
      <c r="C20" s="584"/>
      <c r="D20" s="585"/>
      <c r="E20" s="585"/>
      <c r="F20" s="585"/>
      <c r="G20" s="585"/>
      <c r="H20" s="585"/>
      <c r="I20" s="585"/>
      <c r="J20" s="585"/>
      <c r="K20" s="598"/>
    </row>
    <row r="21" spans="1:16" ht="33">
      <c r="A21" s="754"/>
      <c r="B21" s="760"/>
      <c r="C21" s="587" t="s">
        <v>2317</v>
      </c>
      <c r="D21" s="582" t="s">
        <v>2295</v>
      </c>
      <c r="E21" s="582" t="s">
        <v>2338</v>
      </c>
      <c r="F21" s="582" t="s">
        <v>2330</v>
      </c>
      <c r="G21" s="588" t="s">
        <v>2332</v>
      </c>
      <c r="H21" s="588" t="s">
        <v>2334</v>
      </c>
      <c r="I21" s="588" t="s">
        <v>2322</v>
      </c>
      <c r="J21" s="588" t="s">
        <v>2324</v>
      </c>
      <c r="K21" s="599" t="s">
        <v>2250</v>
      </c>
    </row>
    <row r="22" spans="1:16">
      <c r="A22" s="754"/>
      <c r="B22" s="760"/>
      <c r="C22" s="589" t="s">
        <v>2454</v>
      </c>
      <c r="D22" s="583" t="s">
        <v>2366</v>
      </c>
      <c r="E22" s="583" t="s">
        <v>2422</v>
      </c>
      <c r="F22" s="583" t="s">
        <v>2423</v>
      </c>
      <c r="G22" s="583" t="s">
        <v>2424</v>
      </c>
      <c r="H22" s="583" t="s">
        <v>2425</v>
      </c>
      <c r="I22" s="583" t="s">
        <v>2455</v>
      </c>
      <c r="J22" s="583" t="s">
        <v>2456</v>
      </c>
      <c r="K22" s="600" t="s">
        <v>2457</v>
      </c>
    </row>
    <row r="23" spans="1:16" ht="99">
      <c r="A23" s="754"/>
      <c r="B23" s="760"/>
      <c r="C23" s="591" t="s">
        <v>2458</v>
      </c>
      <c r="D23" s="590" t="s">
        <v>2381</v>
      </c>
      <c r="E23" s="590" t="s">
        <v>2431</v>
      </c>
      <c r="F23" s="590" t="s">
        <v>2432</v>
      </c>
      <c r="G23" s="590" t="s">
        <v>2433</v>
      </c>
      <c r="H23" s="590" t="s">
        <v>2434</v>
      </c>
      <c r="I23" s="590" t="s">
        <v>2427</v>
      </c>
      <c r="J23" s="590" t="s">
        <v>2428</v>
      </c>
      <c r="K23" s="601" t="s">
        <v>2429</v>
      </c>
    </row>
    <row r="24" spans="1:16" ht="66">
      <c r="A24" s="754"/>
      <c r="B24" s="760"/>
      <c r="C24" s="591" t="s">
        <v>2459</v>
      </c>
      <c r="D24" s="590" t="s">
        <v>2394</v>
      </c>
      <c r="E24" s="583" t="s">
        <v>2440</v>
      </c>
      <c r="F24" s="590" t="s">
        <v>2460</v>
      </c>
      <c r="G24" s="590" t="s">
        <v>2461</v>
      </c>
      <c r="H24" s="590" t="s">
        <v>2462</v>
      </c>
      <c r="I24" s="590" t="s">
        <v>2463</v>
      </c>
      <c r="J24" s="590" t="s">
        <v>2464</v>
      </c>
      <c r="K24" s="601" t="s">
        <v>2465</v>
      </c>
    </row>
    <row r="25" spans="1:16">
      <c r="A25" s="754"/>
      <c r="B25" s="760"/>
      <c r="C25" s="589" t="s">
        <v>2466</v>
      </c>
      <c r="D25" s="583" t="s">
        <v>2407</v>
      </c>
      <c r="E25" s="583" t="s">
        <v>2449</v>
      </c>
      <c r="F25" s="583" t="s">
        <v>2450</v>
      </c>
      <c r="G25" s="583" t="s">
        <v>2451</v>
      </c>
      <c r="H25" s="583" t="s">
        <v>2452</v>
      </c>
      <c r="I25" s="583" t="s">
        <v>2467</v>
      </c>
      <c r="J25" s="583" t="s">
        <v>2468</v>
      </c>
      <c r="K25" s="600" t="s">
        <v>2401</v>
      </c>
    </row>
    <row r="26" spans="1:16" ht="17.25" thickBot="1">
      <c r="A26" s="755"/>
      <c r="B26" s="761"/>
      <c r="C26" s="606"/>
      <c r="D26" s="593"/>
      <c r="E26" s="607"/>
      <c r="F26" s="607"/>
      <c r="G26" s="593"/>
      <c r="H26" s="593"/>
      <c r="I26" s="593"/>
      <c r="J26" s="607"/>
      <c r="K26" s="608"/>
    </row>
    <row r="27" spans="1:16" ht="17.25" thickBot="1">
      <c r="A27" s="604"/>
      <c r="B27" s="605"/>
    </row>
    <row r="28" spans="1:16" ht="85.5" customHeight="1">
      <c r="A28" s="753"/>
      <c r="B28" s="759" t="s">
        <v>2469</v>
      </c>
      <c r="C28" s="584"/>
      <c r="D28" s="585"/>
      <c r="E28" s="585"/>
      <c r="F28" s="585"/>
      <c r="G28" s="585"/>
      <c r="H28" s="585"/>
      <c r="I28" s="585"/>
      <c r="J28" s="598"/>
    </row>
    <row r="29" spans="1:16" ht="33">
      <c r="A29" s="754"/>
      <c r="B29" s="760"/>
      <c r="C29" s="587" t="s">
        <v>2244</v>
      </c>
      <c r="D29" s="582" t="s">
        <v>2295</v>
      </c>
      <c r="E29" s="582" t="s">
        <v>2338</v>
      </c>
      <c r="F29" s="582" t="s">
        <v>2330</v>
      </c>
      <c r="G29" s="588" t="s">
        <v>2332</v>
      </c>
      <c r="H29" s="588" t="s">
        <v>2334</v>
      </c>
      <c r="I29" s="588" t="s">
        <v>2322</v>
      </c>
      <c r="J29" s="599" t="s">
        <v>2324</v>
      </c>
    </row>
    <row r="30" spans="1:16">
      <c r="A30" s="754"/>
      <c r="B30" s="760"/>
      <c r="C30" s="589" t="s">
        <v>2470</v>
      </c>
      <c r="D30" s="583" t="s">
        <v>2366</v>
      </c>
      <c r="E30" s="583" t="s">
        <v>2422</v>
      </c>
      <c r="F30" s="583" t="s">
        <v>2423</v>
      </c>
      <c r="G30" s="583" t="s">
        <v>2424</v>
      </c>
      <c r="H30" s="583" t="s">
        <v>2425</v>
      </c>
      <c r="I30" s="583" t="s">
        <v>2455</v>
      </c>
      <c r="J30" s="600" t="s">
        <v>2456</v>
      </c>
    </row>
    <row r="31" spans="1:16" ht="99">
      <c r="A31" s="754"/>
      <c r="B31" s="760"/>
      <c r="C31" s="591" t="s">
        <v>2429</v>
      </c>
      <c r="D31" s="590" t="s">
        <v>2381</v>
      </c>
      <c r="E31" s="590" t="s">
        <v>2431</v>
      </c>
      <c r="F31" s="590" t="s">
        <v>2432</v>
      </c>
      <c r="G31" s="590" t="s">
        <v>2433</v>
      </c>
      <c r="H31" s="590" t="s">
        <v>2434</v>
      </c>
      <c r="I31" s="590" t="s">
        <v>2427</v>
      </c>
      <c r="J31" s="601" t="s">
        <v>2428</v>
      </c>
    </row>
    <row r="32" spans="1:16" ht="66">
      <c r="A32" s="754"/>
      <c r="B32" s="760"/>
      <c r="C32" s="591" t="s">
        <v>2471</v>
      </c>
      <c r="D32" s="583" t="s">
        <v>2394</v>
      </c>
      <c r="E32" s="583" t="s">
        <v>2440</v>
      </c>
      <c r="F32" s="590" t="s">
        <v>2460</v>
      </c>
      <c r="G32" s="590" t="s">
        <v>2461</v>
      </c>
      <c r="H32" s="590" t="s">
        <v>2462</v>
      </c>
      <c r="I32" s="590" t="s">
        <v>2463</v>
      </c>
      <c r="J32" s="601" t="s">
        <v>2464</v>
      </c>
    </row>
    <row r="33" spans="1:14">
      <c r="A33" s="754"/>
      <c r="B33" s="760"/>
      <c r="C33" s="589" t="s">
        <v>2472</v>
      </c>
      <c r="D33" s="583" t="s">
        <v>2407</v>
      </c>
      <c r="E33" s="583" t="s">
        <v>2449</v>
      </c>
      <c r="F33" s="583" t="s">
        <v>2450</v>
      </c>
      <c r="G33" s="583" t="s">
        <v>2451</v>
      </c>
      <c r="H33" s="583" t="s">
        <v>2452</v>
      </c>
      <c r="I33" s="583" t="s">
        <v>2467</v>
      </c>
      <c r="J33" s="600" t="s">
        <v>2468</v>
      </c>
    </row>
    <row r="34" spans="1:14" ht="17.25" thickBot="1">
      <c r="A34" s="755"/>
      <c r="B34" s="761"/>
      <c r="C34" s="609"/>
      <c r="D34" s="607"/>
      <c r="E34" s="593"/>
      <c r="F34" s="607"/>
      <c r="G34" s="607"/>
      <c r="H34" s="607"/>
      <c r="I34" s="607"/>
      <c r="J34" s="608"/>
    </row>
    <row r="35" spans="1:14" ht="17.25" thickBot="1">
      <c r="A35" s="604"/>
      <c r="B35" s="605"/>
    </row>
    <row r="36" spans="1:14" ht="85.5" customHeight="1">
      <c r="A36" s="762"/>
      <c r="B36" s="759" t="s">
        <v>2473</v>
      </c>
      <c r="C36" s="584"/>
      <c r="D36" s="585"/>
      <c r="E36" s="585"/>
      <c r="F36" s="585"/>
      <c r="G36" s="585"/>
      <c r="H36" s="585"/>
      <c r="I36" s="585"/>
      <c r="J36" s="585"/>
      <c r="K36" s="590"/>
      <c r="L36" s="590"/>
      <c r="M36" s="590"/>
      <c r="N36" s="590"/>
    </row>
    <row r="37" spans="1:14">
      <c r="A37" s="763"/>
      <c r="B37" s="760"/>
      <c r="C37" s="587" t="s">
        <v>2474</v>
      </c>
      <c r="D37" s="582" t="s">
        <v>2248</v>
      </c>
      <c r="E37" s="582" t="s">
        <v>2295</v>
      </c>
      <c r="F37" s="582" t="s">
        <v>2338</v>
      </c>
      <c r="G37" s="582" t="s">
        <v>2330</v>
      </c>
      <c r="H37" s="588" t="s">
        <v>2332</v>
      </c>
      <c r="I37" s="588" t="s">
        <v>2334</v>
      </c>
      <c r="J37" s="599" t="s">
        <v>2240</v>
      </c>
      <c r="K37" s="590"/>
      <c r="L37" s="590"/>
      <c r="M37" s="590"/>
      <c r="N37" s="590"/>
    </row>
    <row r="38" spans="1:14">
      <c r="A38" s="763"/>
      <c r="B38" s="760"/>
      <c r="C38" s="589" t="s">
        <v>2475</v>
      </c>
      <c r="D38" s="583" t="s">
        <v>2476</v>
      </c>
      <c r="E38" s="583" t="s">
        <v>2366</v>
      </c>
      <c r="F38" s="583" t="s">
        <v>2422</v>
      </c>
      <c r="G38" s="583" t="s">
        <v>2423</v>
      </c>
      <c r="H38" s="583" t="s">
        <v>2424</v>
      </c>
      <c r="I38" s="583" t="s">
        <v>2425</v>
      </c>
      <c r="J38" s="600" t="s">
        <v>2477</v>
      </c>
      <c r="K38" s="590"/>
      <c r="L38" s="590"/>
      <c r="M38" s="590"/>
      <c r="N38" s="590"/>
    </row>
    <row r="39" spans="1:14" ht="115.5">
      <c r="A39" s="763"/>
      <c r="B39" s="760"/>
      <c r="C39" s="591" t="s">
        <v>2427</v>
      </c>
      <c r="D39" s="590" t="s">
        <v>2428</v>
      </c>
      <c r="E39" s="590" t="s">
        <v>2381</v>
      </c>
      <c r="F39" s="590" t="s">
        <v>2431</v>
      </c>
      <c r="G39" s="590" t="s">
        <v>2432</v>
      </c>
      <c r="H39" s="590" t="s">
        <v>2433</v>
      </c>
      <c r="I39" s="590" t="s">
        <v>2434</v>
      </c>
      <c r="J39" s="590" t="s">
        <v>2429</v>
      </c>
      <c r="K39" s="590"/>
      <c r="L39" s="590"/>
      <c r="M39" s="590"/>
      <c r="N39" s="590"/>
    </row>
    <row r="40" spans="1:14" ht="49.5">
      <c r="A40" s="763"/>
      <c r="B40" s="760"/>
      <c r="C40" s="591" t="s">
        <v>2478</v>
      </c>
      <c r="D40" s="590" t="s">
        <v>2479</v>
      </c>
      <c r="E40" s="590" t="s">
        <v>2394</v>
      </c>
      <c r="F40" s="590" t="s">
        <v>2440</v>
      </c>
      <c r="G40" s="590" t="s">
        <v>2460</v>
      </c>
      <c r="H40" s="590" t="s">
        <v>2461</v>
      </c>
      <c r="I40" s="590" t="s">
        <v>2462</v>
      </c>
      <c r="J40" s="601" t="s">
        <v>2480</v>
      </c>
      <c r="K40" s="590"/>
      <c r="L40" s="590"/>
      <c r="M40" s="590"/>
      <c r="N40" s="590"/>
    </row>
    <row r="41" spans="1:14">
      <c r="A41" s="763"/>
      <c r="B41" s="760"/>
      <c r="C41" s="589" t="s">
        <v>2481</v>
      </c>
      <c r="D41" s="583" t="s">
        <v>2482</v>
      </c>
      <c r="E41" s="583" t="s">
        <v>2407</v>
      </c>
      <c r="F41" s="583" t="s">
        <v>2449</v>
      </c>
      <c r="G41" s="583" t="s">
        <v>2450</v>
      </c>
      <c r="H41" s="583" t="s">
        <v>2451</v>
      </c>
      <c r="I41" s="583" t="s">
        <v>2452</v>
      </c>
      <c r="J41" s="600" t="s">
        <v>2483</v>
      </c>
      <c r="K41" s="590"/>
      <c r="L41" s="590"/>
      <c r="M41" s="590"/>
      <c r="N41" s="590"/>
    </row>
    <row r="42" spans="1:14" ht="17.25" thickBot="1">
      <c r="A42" s="764"/>
      <c r="B42" s="761"/>
      <c r="C42" s="606"/>
      <c r="D42" s="607"/>
      <c r="E42" s="607"/>
      <c r="F42" s="607"/>
      <c r="G42" s="607"/>
      <c r="H42" s="607"/>
      <c r="I42" s="607"/>
      <c r="J42" s="607"/>
      <c r="K42" s="590"/>
      <c r="L42" s="590"/>
      <c r="M42" s="590"/>
      <c r="N42" s="590"/>
    </row>
    <row r="43" spans="1:14" ht="17.25" thickBot="1">
      <c r="A43" s="604"/>
      <c r="B43" s="605"/>
    </row>
    <row r="44" spans="1:14" ht="66" customHeight="1">
      <c r="A44" s="765"/>
      <c r="B44" s="768" t="s">
        <v>2484</v>
      </c>
      <c r="C44" s="610"/>
      <c r="D44" s="611"/>
      <c r="E44" s="611"/>
      <c r="F44" s="585"/>
      <c r="G44" s="585"/>
      <c r="H44" s="585"/>
      <c r="I44" s="585"/>
      <c r="J44" s="585"/>
      <c r="K44" s="585"/>
    </row>
    <row r="45" spans="1:14" ht="33">
      <c r="A45" s="766"/>
      <c r="B45" s="769"/>
      <c r="C45" s="587" t="s">
        <v>2317</v>
      </c>
      <c r="D45" s="582" t="s">
        <v>2250</v>
      </c>
      <c r="E45" s="582" t="s">
        <v>2338</v>
      </c>
      <c r="F45" s="582" t="s">
        <v>2295</v>
      </c>
      <c r="G45" s="582" t="s">
        <v>2330</v>
      </c>
      <c r="H45" s="588" t="s">
        <v>2332</v>
      </c>
      <c r="I45" s="588" t="s">
        <v>2334</v>
      </c>
      <c r="J45" s="588" t="s">
        <v>2322</v>
      </c>
      <c r="K45" s="588" t="s">
        <v>2324</v>
      </c>
    </row>
    <row r="46" spans="1:14">
      <c r="A46" s="766"/>
      <c r="B46" s="769"/>
      <c r="C46" s="612" t="s">
        <v>2454</v>
      </c>
      <c r="D46" s="613" t="s">
        <v>2457</v>
      </c>
      <c r="E46" s="613" t="s">
        <v>2422</v>
      </c>
      <c r="F46" s="583" t="s">
        <v>2366</v>
      </c>
      <c r="G46" s="583" t="s">
        <v>2423</v>
      </c>
      <c r="H46" s="583" t="s">
        <v>2424</v>
      </c>
      <c r="I46" s="583" t="s">
        <v>2425</v>
      </c>
      <c r="J46" s="583" t="s">
        <v>2455</v>
      </c>
      <c r="K46" s="583" t="s">
        <v>2456</v>
      </c>
    </row>
    <row r="47" spans="1:14" ht="115.5">
      <c r="A47" s="766"/>
      <c r="B47" s="769"/>
      <c r="C47" s="614" t="s">
        <v>2458</v>
      </c>
      <c r="D47" s="615" t="s">
        <v>2429</v>
      </c>
      <c r="E47" s="615" t="s">
        <v>2431</v>
      </c>
      <c r="F47" s="590" t="s">
        <v>2381</v>
      </c>
      <c r="G47" s="590" t="s">
        <v>2432</v>
      </c>
      <c r="H47" s="590" t="s">
        <v>2433</v>
      </c>
      <c r="I47" s="590" t="s">
        <v>2434</v>
      </c>
      <c r="J47" s="590" t="s">
        <v>2427</v>
      </c>
      <c r="K47" s="590" t="s">
        <v>2428</v>
      </c>
    </row>
    <row r="48" spans="1:14" ht="66">
      <c r="A48" s="766"/>
      <c r="B48" s="769"/>
      <c r="C48" s="614" t="s">
        <v>2485</v>
      </c>
      <c r="D48" s="615" t="s">
        <v>2486</v>
      </c>
      <c r="E48" s="615" t="s">
        <v>2440</v>
      </c>
      <c r="F48" s="590" t="s">
        <v>2394</v>
      </c>
      <c r="G48" s="590" t="s">
        <v>2460</v>
      </c>
      <c r="H48" s="590" t="s">
        <v>2461</v>
      </c>
      <c r="I48" s="590" t="s">
        <v>2462</v>
      </c>
      <c r="J48" s="590" t="s">
        <v>2463</v>
      </c>
      <c r="K48" s="590" t="s">
        <v>2464</v>
      </c>
    </row>
    <row r="49" spans="1:11">
      <c r="A49" s="766"/>
      <c r="B49" s="769"/>
      <c r="C49" s="612" t="s">
        <v>2466</v>
      </c>
      <c r="D49" s="613" t="s">
        <v>2401</v>
      </c>
      <c r="E49" s="613" t="s">
        <v>2449</v>
      </c>
      <c r="F49" s="583" t="s">
        <v>2407</v>
      </c>
      <c r="G49" s="583" t="s">
        <v>2450</v>
      </c>
      <c r="H49" s="583" t="s">
        <v>2451</v>
      </c>
      <c r="I49" s="583" t="s">
        <v>2452</v>
      </c>
      <c r="J49" s="583" t="s">
        <v>2467</v>
      </c>
      <c r="K49" s="583" t="s">
        <v>2468</v>
      </c>
    </row>
    <row r="50" spans="1:11" ht="17.25" thickBot="1">
      <c r="A50" s="767"/>
      <c r="B50" s="770"/>
      <c r="C50" s="592"/>
      <c r="D50" s="593"/>
      <c r="E50" s="593"/>
      <c r="F50" s="607"/>
      <c r="G50" s="607"/>
      <c r="H50" s="593"/>
      <c r="I50" s="593"/>
      <c r="J50" s="593"/>
      <c r="K50" s="607"/>
    </row>
    <row r="51" spans="1:11" ht="17.25" thickBot="1">
      <c r="A51" s="604"/>
      <c r="B51" s="605"/>
    </row>
    <row r="52" spans="1:11" ht="90" customHeight="1">
      <c r="A52" s="753"/>
      <c r="B52" s="759" t="s">
        <v>2487</v>
      </c>
      <c r="C52" s="597" t="s">
        <v>2488</v>
      </c>
      <c r="D52" s="616"/>
      <c r="E52" s="616"/>
      <c r="F52" s="616"/>
      <c r="G52" s="598"/>
      <c r="H52" s="590"/>
      <c r="I52" s="590"/>
      <c r="J52" s="590"/>
      <c r="K52" s="590"/>
    </row>
    <row r="53" spans="1:11">
      <c r="A53" s="754"/>
      <c r="B53" s="760"/>
      <c r="C53" s="587" t="s">
        <v>2242</v>
      </c>
      <c r="D53" s="582" t="s">
        <v>2338</v>
      </c>
      <c r="E53" s="582" t="s">
        <v>2330</v>
      </c>
      <c r="F53" s="588" t="s">
        <v>2332</v>
      </c>
      <c r="G53" s="599" t="s">
        <v>2334</v>
      </c>
      <c r="H53" s="590"/>
      <c r="I53" s="590"/>
      <c r="J53" s="590"/>
      <c r="K53" s="590"/>
    </row>
    <row r="54" spans="1:11">
      <c r="A54" s="754"/>
      <c r="B54" s="760"/>
      <c r="C54" s="589" t="s">
        <v>2489</v>
      </c>
      <c r="D54" s="583" t="s">
        <v>2422</v>
      </c>
      <c r="E54" s="583" t="s">
        <v>2423</v>
      </c>
      <c r="F54" s="583" t="s">
        <v>2424</v>
      </c>
      <c r="G54" s="600" t="s">
        <v>2425</v>
      </c>
      <c r="H54" s="590"/>
      <c r="I54" s="590"/>
      <c r="J54" s="590"/>
      <c r="K54" s="590"/>
    </row>
    <row r="55" spans="1:11" ht="99">
      <c r="A55" s="754"/>
      <c r="B55" s="760"/>
      <c r="C55" s="591" t="s">
        <v>2429</v>
      </c>
      <c r="D55" s="590" t="s">
        <v>2431</v>
      </c>
      <c r="E55" s="590" t="s">
        <v>2432</v>
      </c>
      <c r="F55" s="590" t="s">
        <v>2433</v>
      </c>
      <c r="G55" s="601" t="s">
        <v>2434</v>
      </c>
      <c r="H55" s="590"/>
      <c r="I55" s="590"/>
      <c r="J55" s="590"/>
      <c r="K55" s="590"/>
    </row>
    <row r="56" spans="1:11" ht="49.5">
      <c r="A56" s="754"/>
      <c r="B56" s="760"/>
      <c r="C56" s="591" t="s">
        <v>2490</v>
      </c>
      <c r="D56" s="590" t="s">
        <v>2440</v>
      </c>
      <c r="E56" s="590" t="s">
        <v>2460</v>
      </c>
      <c r="F56" s="590" t="s">
        <v>2461</v>
      </c>
      <c r="G56" s="601" t="s">
        <v>2462</v>
      </c>
      <c r="H56" s="590"/>
      <c r="I56" s="590"/>
      <c r="J56" s="590"/>
      <c r="K56" s="590"/>
    </row>
    <row r="57" spans="1:11">
      <c r="A57" s="754"/>
      <c r="B57" s="760"/>
      <c r="C57" s="591" t="s">
        <v>2491</v>
      </c>
      <c r="D57" s="590" t="s">
        <v>2449</v>
      </c>
      <c r="E57" s="583" t="s">
        <v>2450</v>
      </c>
      <c r="F57" s="583" t="s">
        <v>2451</v>
      </c>
      <c r="G57" s="600" t="s">
        <v>2452</v>
      </c>
      <c r="H57" s="590"/>
      <c r="I57" s="590"/>
      <c r="J57" s="590"/>
      <c r="K57" s="590"/>
    </row>
    <row r="58" spans="1:11" ht="17.25" thickBot="1">
      <c r="A58" s="755"/>
      <c r="B58" s="761"/>
      <c r="C58" s="592"/>
      <c r="D58" s="593"/>
      <c r="E58" s="593"/>
      <c r="F58" s="593"/>
      <c r="G58" s="617"/>
      <c r="H58" s="590"/>
      <c r="I58" s="590"/>
      <c r="J58" s="590"/>
      <c r="K58" s="590"/>
    </row>
    <row r="59" spans="1:11" ht="17.25" thickBot="1">
      <c r="A59" s="604"/>
      <c r="B59" s="605"/>
    </row>
    <row r="60" spans="1:11" ht="91.5" customHeight="1">
      <c r="A60" s="753"/>
      <c r="B60" s="759" t="s">
        <v>2492</v>
      </c>
      <c r="C60" s="597"/>
      <c r="D60" s="616"/>
      <c r="E60" s="616"/>
      <c r="F60" s="616"/>
      <c r="G60" s="598"/>
    </row>
    <row r="61" spans="1:11">
      <c r="A61" s="754"/>
      <c r="B61" s="760"/>
      <c r="C61" s="587" t="s">
        <v>2240</v>
      </c>
      <c r="D61" s="582" t="s">
        <v>2338</v>
      </c>
      <c r="E61" s="582" t="s">
        <v>2330</v>
      </c>
      <c r="F61" s="588" t="s">
        <v>2332</v>
      </c>
      <c r="G61" s="599" t="s">
        <v>2334</v>
      </c>
    </row>
    <row r="62" spans="1:11">
      <c r="A62" s="754"/>
      <c r="B62" s="760"/>
      <c r="C62" s="589" t="s">
        <v>2477</v>
      </c>
      <c r="D62" s="583" t="s">
        <v>2422</v>
      </c>
      <c r="E62" s="583" t="s">
        <v>2423</v>
      </c>
      <c r="F62" s="583" t="s">
        <v>2424</v>
      </c>
      <c r="G62" s="600" t="s">
        <v>2425</v>
      </c>
    </row>
    <row r="63" spans="1:11" ht="99">
      <c r="A63" s="754"/>
      <c r="B63" s="760"/>
      <c r="C63" s="591" t="s">
        <v>2429</v>
      </c>
      <c r="D63" s="590" t="s">
        <v>2431</v>
      </c>
      <c r="E63" s="590" t="s">
        <v>2432</v>
      </c>
      <c r="F63" s="590" t="s">
        <v>2433</v>
      </c>
      <c r="G63" s="601" t="s">
        <v>2434</v>
      </c>
    </row>
    <row r="64" spans="1:11" ht="49.5">
      <c r="A64" s="754"/>
      <c r="B64" s="760"/>
      <c r="C64" s="591" t="s">
        <v>2493</v>
      </c>
      <c r="D64" s="590" t="s">
        <v>2440</v>
      </c>
      <c r="E64" s="590" t="s">
        <v>2460</v>
      </c>
      <c r="F64" s="590" t="s">
        <v>2461</v>
      </c>
      <c r="G64" s="601" t="s">
        <v>2462</v>
      </c>
    </row>
    <row r="65" spans="1:7">
      <c r="A65" s="754"/>
      <c r="B65" s="760"/>
      <c r="C65" s="591" t="s">
        <v>2472</v>
      </c>
      <c r="D65" s="590" t="s">
        <v>2449</v>
      </c>
      <c r="E65" s="583" t="s">
        <v>2450</v>
      </c>
      <c r="F65" s="583" t="s">
        <v>2451</v>
      </c>
      <c r="G65" s="600" t="s">
        <v>2452</v>
      </c>
    </row>
    <row r="66" spans="1:7" ht="17.25" thickBot="1">
      <c r="A66" s="755"/>
      <c r="B66" s="761"/>
      <c r="C66" s="592"/>
      <c r="D66" s="618"/>
      <c r="E66" s="593"/>
      <c r="F66" s="593"/>
      <c r="G66" s="617"/>
    </row>
    <row r="67" spans="1:7">
      <c r="A67" s="604"/>
      <c r="B67" s="605"/>
      <c r="C67" s="603"/>
      <c r="D67" s="603"/>
      <c r="E67" s="603"/>
      <c r="F67" s="603"/>
      <c r="G67" s="603"/>
    </row>
    <row r="68" spans="1:7" ht="17.25" thickBot="1">
      <c r="A68" s="582" t="s">
        <v>2494</v>
      </c>
      <c r="B68" s="582"/>
      <c r="C68" s="582"/>
      <c r="D68" s="619"/>
      <c r="E68" s="582"/>
      <c r="F68" s="582"/>
      <c r="G68" s="582"/>
    </row>
    <row r="69" spans="1:7" ht="80.25" customHeight="1">
      <c r="A69" s="753"/>
      <c r="B69" s="760" t="s">
        <v>2495</v>
      </c>
      <c r="C69" s="597"/>
      <c r="D69" s="616"/>
      <c r="E69" s="616"/>
      <c r="F69" s="616"/>
      <c r="G69" s="620"/>
    </row>
    <row r="70" spans="1:7">
      <c r="A70" s="754"/>
      <c r="B70" s="760"/>
      <c r="C70" s="587" t="s">
        <v>2258</v>
      </c>
      <c r="D70" s="582" t="s">
        <v>2246</v>
      </c>
      <c r="E70" s="582" t="s">
        <v>2336</v>
      </c>
      <c r="F70" s="582" t="s">
        <v>2338</v>
      </c>
      <c r="G70" s="582" t="s">
        <v>2326</v>
      </c>
    </row>
    <row r="71" spans="1:7">
      <c r="A71" s="754"/>
      <c r="B71" s="760"/>
      <c r="C71" s="589" t="s">
        <v>2496</v>
      </c>
      <c r="D71" s="583" t="s">
        <v>2497</v>
      </c>
      <c r="E71" s="613" t="s">
        <v>2498</v>
      </c>
      <c r="F71" s="583" t="s">
        <v>2422</v>
      </c>
      <c r="G71" s="600" t="s">
        <v>2499</v>
      </c>
    </row>
    <row r="72" spans="1:7" ht="49.5">
      <c r="A72" s="754"/>
      <c r="B72" s="760"/>
      <c r="C72" s="591" t="s">
        <v>2500</v>
      </c>
      <c r="D72" s="590" t="s">
        <v>2501</v>
      </c>
      <c r="E72" s="615" t="s">
        <v>2502</v>
      </c>
      <c r="F72" s="590" t="s">
        <v>2431</v>
      </c>
      <c r="G72" s="601" t="s">
        <v>2501</v>
      </c>
    </row>
    <row r="73" spans="1:7" ht="66">
      <c r="A73" s="754"/>
      <c r="B73" s="760"/>
      <c r="C73" s="591" t="s">
        <v>2503</v>
      </c>
      <c r="D73" s="590" t="s">
        <v>2504</v>
      </c>
      <c r="E73" s="615" t="s">
        <v>2505</v>
      </c>
      <c r="F73" s="590" t="s">
        <v>2440</v>
      </c>
      <c r="G73" s="601" t="s">
        <v>2506</v>
      </c>
    </row>
    <row r="74" spans="1:7">
      <c r="A74" s="754"/>
      <c r="B74" s="760"/>
      <c r="C74" s="591" t="s">
        <v>2401</v>
      </c>
      <c r="D74" s="590" t="s">
        <v>2507</v>
      </c>
      <c r="E74" s="613" t="s">
        <v>2508</v>
      </c>
      <c r="F74" s="590" t="s">
        <v>2449</v>
      </c>
      <c r="G74" s="601" t="s">
        <v>2509</v>
      </c>
    </row>
    <row r="75" spans="1:7" ht="17.25" thickBot="1">
      <c r="A75" s="755"/>
      <c r="B75" s="761"/>
      <c r="C75" s="592"/>
      <c r="D75" s="593"/>
      <c r="E75" s="593"/>
      <c r="F75" s="593"/>
      <c r="G75" s="617"/>
    </row>
    <row r="76" spans="1:7">
      <c r="A76" s="604"/>
      <c r="B76" s="605"/>
      <c r="C76" s="603"/>
      <c r="D76" s="603"/>
      <c r="E76" s="603"/>
      <c r="F76" s="603"/>
    </row>
    <row r="77" spans="1:7" ht="71.25" customHeight="1">
      <c r="A77" s="771"/>
      <c r="B77" s="772" t="s">
        <v>2510</v>
      </c>
      <c r="C77" s="621"/>
      <c r="D77" s="621"/>
      <c r="E77" s="621"/>
      <c r="F77" s="621"/>
    </row>
    <row r="78" spans="1:7">
      <c r="A78" s="771"/>
      <c r="B78" s="772"/>
      <c r="C78" s="622" t="s">
        <v>2258</v>
      </c>
      <c r="D78" s="622" t="s">
        <v>2246</v>
      </c>
      <c r="E78" s="622" t="s">
        <v>2336</v>
      </c>
      <c r="F78" s="622" t="s">
        <v>2338</v>
      </c>
    </row>
    <row r="79" spans="1:7">
      <c r="A79" s="771"/>
      <c r="B79" s="772"/>
      <c r="C79" s="623" t="s">
        <v>2496</v>
      </c>
      <c r="D79" s="623" t="s">
        <v>2497</v>
      </c>
      <c r="E79" s="624" t="s">
        <v>2498</v>
      </c>
      <c r="F79" s="623" t="s">
        <v>2422</v>
      </c>
    </row>
    <row r="80" spans="1:7" ht="49.5">
      <c r="A80" s="771"/>
      <c r="B80" s="772"/>
      <c r="C80" s="625" t="s">
        <v>2500</v>
      </c>
      <c r="D80" s="625" t="s">
        <v>2501</v>
      </c>
      <c r="E80" s="626" t="s">
        <v>2502</v>
      </c>
      <c r="F80" s="625" t="s">
        <v>2431</v>
      </c>
    </row>
    <row r="81" spans="1:7" ht="66">
      <c r="A81" s="771"/>
      <c r="B81" s="772"/>
      <c r="C81" s="625" t="s">
        <v>2503</v>
      </c>
      <c r="D81" s="625" t="s">
        <v>2504</v>
      </c>
      <c r="E81" s="615" t="s">
        <v>2505</v>
      </c>
      <c r="F81" s="625" t="s">
        <v>2440</v>
      </c>
    </row>
    <row r="82" spans="1:7">
      <c r="A82" s="771"/>
      <c r="B82" s="772"/>
      <c r="C82" s="625" t="s">
        <v>2401</v>
      </c>
      <c r="D82" s="625" t="s">
        <v>2507</v>
      </c>
      <c r="E82" s="613" t="s">
        <v>2508</v>
      </c>
      <c r="F82" s="625" t="s">
        <v>2449</v>
      </c>
    </row>
    <row r="83" spans="1:7">
      <c r="A83" s="604"/>
      <c r="B83" s="605"/>
      <c r="C83" s="590"/>
      <c r="D83" s="590"/>
      <c r="E83" s="613"/>
      <c r="F83" s="590"/>
    </row>
    <row r="84" spans="1:7" ht="85.5" customHeight="1">
      <c r="A84" s="773"/>
      <c r="B84" s="772" t="s">
        <v>2511</v>
      </c>
      <c r="C84" s="625"/>
      <c r="D84" s="625"/>
      <c r="E84" s="625"/>
      <c r="F84" s="625"/>
      <c r="G84" s="627"/>
    </row>
    <row r="85" spans="1:7">
      <c r="A85" s="773"/>
      <c r="B85" s="772"/>
      <c r="C85" s="622" t="s">
        <v>2314</v>
      </c>
      <c r="D85" s="622" t="s">
        <v>2319</v>
      </c>
      <c r="E85" s="622" t="s">
        <v>2258</v>
      </c>
      <c r="F85" s="622" t="s">
        <v>2288</v>
      </c>
      <c r="G85" s="627"/>
    </row>
    <row r="86" spans="1:7">
      <c r="A86" s="773"/>
      <c r="B86" s="772"/>
      <c r="C86" s="625" t="s">
        <v>2359</v>
      </c>
      <c r="D86" s="625" t="s">
        <v>2512</v>
      </c>
      <c r="E86" s="625" t="s">
        <v>2496</v>
      </c>
      <c r="F86" s="625" t="s">
        <v>2360</v>
      </c>
      <c r="G86" s="627"/>
    </row>
    <row r="87" spans="1:7" ht="33">
      <c r="A87" s="773"/>
      <c r="B87" s="772"/>
      <c r="C87" s="625" t="s">
        <v>2374</v>
      </c>
      <c r="D87" s="625" t="s">
        <v>2513</v>
      </c>
      <c r="E87" s="625" t="s">
        <v>2500</v>
      </c>
      <c r="F87" s="625" t="s">
        <v>2375</v>
      </c>
      <c r="G87" s="627"/>
    </row>
    <row r="88" spans="1:7" ht="49.5">
      <c r="A88" s="773"/>
      <c r="B88" s="772"/>
      <c r="C88" s="625" t="s">
        <v>2387</v>
      </c>
      <c r="D88" s="625" t="s">
        <v>2514</v>
      </c>
      <c r="E88" s="625" t="s">
        <v>2503</v>
      </c>
      <c r="F88" s="625" t="s">
        <v>2388</v>
      </c>
      <c r="G88" s="627"/>
    </row>
    <row r="89" spans="1:7">
      <c r="A89" s="773"/>
      <c r="B89" s="772"/>
      <c r="C89" s="625" t="s">
        <v>2401</v>
      </c>
      <c r="D89" s="625" t="s">
        <v>2515</v>
      </c>
      <c r="E89" s="625" t="s">
        <v>2401</v>
      </c>
      <c r="F89" s="625" t="s">
        <v>2401</v>
      </c>
      <c r="G89" s="627"/>
    </row>
    <row r="90" spans="1:7">
      <c r="B90" s="590"/>
      <c r="C90" s="603"/>
      <c r="D90" s="603"/>
      <c r="E90" s="603"/>
      <c r="F90" s="603"/>
      <c r="G90" s="603"/>
    </row>
    <row r="92" spans="1:7" ht="93" customHeight="1">
      <c r="A92" s="753"/>
      <c r="B92" s="759" t="s">
        <v>2516</v>
      </c>
      <c r="C92" s="597"/>
      <c r="D92" s="616"/>
      <c r="E92" s="616"/>
      <c r="F92" s="620"/>
    </row>
    <row r="93" spans="1:7">
      <c r="A93" s="754"/>
      <c r="B93" s="760"/>
      <c r="C93" s="587" t="s">
        <v>2254</v>
      </c>
      <c r="D93" s="582" t="s">
        <v>2258</v>
      </c>
      <c r="E93" s="582" t="s">
        <v>2338</v>
      </c>
      <c r="F93" s="628" t="s">
        <v>2336</v>
      </c>
    </row>
    <row r="94" spans="1:7">
      <c r="A94" s="754"/>
      <c r="B94" s="760"/>
      <c r="C94" s="612" t="s">
        <v>2517</v>
      </c>
      <c r="D94" s="613" t="s">
        <v>2496</v>
      </c>
      <c r="E94" s="613" t="s">
        <v>2422</v>
      </c>
      <c r="F94" s="629" t="s">
        <v>2498</v>
      </c>
    </row>
    <row r="95" spans="1:7" ht="49.5">
      <c r="A95" s="754"/>
      <c r="B95" s="760"/>
      <c r="C95" s="630" t="s">
        <v>2501</v>
      </c>
      <c r="D95" s="631" t="s">
        <v>2500</v>
      </c>
      <c r="E95" s="631" t="s">
        <v>2431</v>
      </c>
      <c r="F95" s="632" t="s">
        <v>2502</v>
      </c>
    </row>
    <row r="96" spans="1:7" ht="66">
      <c r="A96" s="754"/>
      <c r="B96" s="760"/>
      <c r="C96" s="614" t="s">
        <v>2518</v>
      </c>
      <c r="D96" s="615" t="s">
        <v>2503</v>
      </c>
      <c r="E96" s="615" t="s">
        <v>2440</v>
      </c>
      <c r="F96" s="632" t="s">
        <v>2505</v>
      </c>
    </row>
    <row r="97" spans="1:6">
      <c r="A97" s="754"/>
      <c r="B97" s="760"/>
      <c r="C97" s="612" t="s">
        <v>2401</v>
      </c>
      <c r="D97" s="613" t="s">
        <v>2401</v>
      </c>
      <c r="E97" s="613" t="s">
        <v>2449</v>
      </c>
      <c r="F97" s="629" t="s">
        <v>2508</v>
      </c>
    </row>
    <row r="98" spans="1:6" ht="17.25" thickBot="1">
      <c r="A98" s="755"/>
      <c r="B98" s="761"/>
      <c r="C98" s="592"/>
      <c r="D98" s="593"/>
      <c r="E98" s="593"/>
      <c r="F98" s="617"/>
    </row>
    <row r="99" spans="1:6" ht="17.25" thickBot="1">
      <c r="A99" s="604"/>
      <c r="B99" s="605"/>
      <c r="C99" s="603"/>
      <c r="D99" s="603"/>
      <c r="E99" s="603"/>
      <c r="F99" s="603"/>
    </row>
    <row r="100" spans="1:6" ht="72.75" customHeight="1">
      <c r="A100" s="753"/>
      <c r="B100" s="759" t="s">
        <v>2519</v>
      </c>
      <c r="C100" s="597"/>
      <c r="D100" s="616"/>
      <c r="E100" s="616"/>
      <c r="F100" s="620"/>
    </row>
    <row r="101" spans="1:6">
      <c r="A101" s="754"/>
      <c r="B101" s="760"/>
      <c r="C101" s="587" t="s">
        <v>2292</v>
      </c>
      <c r="D101" s="582" t="s">
        <v>2338</v>
      </c>
      <c r="E101" s="582" t="s">
        <v>2336</v>
      </c>
      <c r="F101" s="628" t="s">
        <v>2328</v>
      </c>
    </row>
    <row r="102" spans="1:6">
      <c r="A102" s="754"/>
      <c r="B102" s="760"/>
      <c r="C102" s="612" t="s">
        <v>2520</v>
      </c>
      <c r="D102" s="613" t="s">
        <v>2422</v>
      </c>
      <c r="E102" s="613" t="s">
        <v>2498</v>
      </c>
      <c r="F102" s="629" t="s">
        <v>2521</v>
      </c>
    </row>
    <row r="103" spans="1:6" ht="49.5">
      <c r="A103" s="754"/>
      <c r="B103" s="760"/>
      <c r="C103" s="630" t="s">
        <v>2501</v>
      </c>
      <c r="D103" s="631" t="s">
        <v>2431</v>
      </c>
      <c r="E103" s="615" t="s">
        <v>2502</v>
      </c>
      <c r="F103" s="632" t="s">
        <v>2501</v>
      </c>
    </row>
    <row r="104" spans="1:6" ht="66">
      <c r="A104" s="754"/>
      <c r="B104" s="760"/>
      <c r="C104" s="614" t="s">
        <v>2518</v>
      </c>
      <c r="D104" s="615" t="s">
        <v>2440</v>
      </c>
      <c r="E104" s="615" t="s">
        <v>2505</v>
      </c>
      <c r="F104" s="632" t="s">
        <v>2522</v>
      </c>
    </row>
    <row r="105" spans="1:6">
      <c r="A105" s="754"/>
      <c r="B105" s="760"/>
      <c r="C105" s="612" t="s">
        <v>2401</v>
      </c>
      <c r="D105" s="613" t="s">
        <v>2449</v>
      </c>
      <c r="E105" s="613" t="s">
        <v>2508</v>
      </c>
      <c r="F105" s="629" t="s">
        <v>2452</v>
      </c>
    </row>
    <row r="106" spans="1:6" ht="17.25" thickBot="1">
      <c r="A106" s="755"/>
      <c r="B106" s="761"/>
      <c r="C106" s="592"/>
      <c r="D106" s="593"/>
      <c r="E106" s="593"/>
      <c r="F106" s="617"/>
    </row>
    <row r="107" spans="1:6">
      <c r="A107" s="604"/>
      <c r="B107" s="605"/>
      <c r="C107" s="603"/>
      <c r="D107" s="603"/>
      <c r="E107" s="603"/>
      <c r="F107" s="603"/>
    </row>
    <row r="109" spans="1:6" ht="17.25" thickBot="1">
      <c r="A109" s="582" t="s">
        <v>2523</v>
      </c>
      <c r="B109" s="582"/>
      <c r="C109" s="582"/>
      <c r="D109" s="582"/>
      <c r="E109" s="582"/>
      <c r="F109" s="582"/>
    </row>
    <row r="110" spans="1:6" ht="88.5" customHeight="1">
      <c r="A110" s="753"/>
      <c r="B110" s="759" t="s">
        <v>2524</v>
      </c>
      <c r="C110" s="584"/>
      <c r="D110" s="585"/>
      <c r="E110" s="585"/>
      <c r="F110" s="598"/>
    </row>
    <row r="111" spans="1:6">
      <c r="A111" s="754"/>
      <c r="B111" s="760"/>
      <c r="C111" s="587" t="s">
        <v>2286</v>
      </c>
      <c r="D111" s="582" t="s">
        <v>2262</v>
      </c>
      <c r="E111" s="588" t="s">
        <v>2274</v>
      </c>
      <c r="F111" s="599" t="s">
        <v>2276</v>
      </c>
    </row>
    <row r="112" spans="1:6">
      <c r="A112" s="754"/>
      <c r="B112" s="760"/>
      <c r="C112" s="589" t="s">
        <v>2525</v>
      </c>
      <c r="D112" s="583" t="s">
        <v>2526</v>
      </c>
      <c r="E112" s="583" t="s">
        <v>2527</v>
      </c>
      <c r="F112" s="600" t="s">
        <v>2528</v>
      </c>
    </row>
    <row r="113" spans="1:10" ht="82.5">
      <c r="A113" s="754"/>
      <c r="B113" s="760"/>
      <c r="C113" s="591" t="s">
        <v>2529</v>
      </c>
      <c r="D113" s="590" t="s">
        <v>2530</v>
      </c>
      <c r="E113" s="590" t="s">
        <v>2531</v>
      </c>
      <c r="F113" s="601" t="s">
        <v>2532</v>
      </c>
    </row>
    <row r="114" spans="1:10" ht="33">
      <c r="A114" s="754"/>
      <c r="B114" s="760"/>
      <c r="C114" s="591" t="s">
        <v>2533</v>
      </c>
      <c r="D114" s="590" t="s">
        <v>2534</v>
      </c>
      <c r="E114" s="590" t="s">
        <v>2535</v>
      </c>
      <c r="F114" s="601" t="s">
        <v>2536</v>
      </c>
    </row>
    <row r="115" spans="1:10">
      <c r="A115" s="754"/>
      <c r="B115" s="760"/>
      <c r="C115" s="589" t="s">
        <v>2537</v>
      </c>
      <c r="D115" s="583" t="s">
        <v>2538</v>
      </c>
      <c r="E115" s="583" t="s">
        <v>2539</v>
      </c>
      <c r="F115" s="600" t="s">
        <v>2540</v>
      </c>
    </row>
    <row r="116" spans="1:10" ht="17.25" thickBot="1">
      <c r="A116" s="754"/>
      <c r="B116" s="760"/>
      <c r="C116" s="592"/>
      <c r="D116" s="593"/>
      <c r="E116" s="593"/>
      <c r="F116" s="617"/>
    </row>
    <row r="117" spans="1:10" ht="17.25" thickBot="1">
      <c r="A117" s="754"/>
      <c r="B117" s="774"/>
    </row>
    <row r="118" spans="1:10" ht="93" customHeight="1">
      <c r="A118" s="754"/>
      <c r="B118" s="774"/>
      <c r="C118" s="584"/>
      <c r="D118" s="585"/>
      <c r="E118" s="585"/>
      <c r="F118" s="585"/>
      <c r="G118" s="585"/>
      <c r="H118" s="585"/>
      <c r="I118" s="585"/>
      <c r="J118" s="598"/>
    </row>
    <row r="119" spans="1:10" ht="33">
      <c r="A119" s="754"/>
      <c r="B119" s="760"/>
      <c r="C119" s="587" t="s">
        <v>2301</v>
      </c>
      <c r="D119" s="588" t="s">
        <v>2303</v>
      </c>
      <c r="E119" s="588" t="s">
        <v>2305</v>
      </c>
      <c r="F119" s="582" t="s">
        <v>2272</v>
      </c>
      <c r="G119" s="582" t="s">
        <v>2541</v>
      </c>
      <c r="H119" s="582" t="s">
        <v>2542</v>
      </c>
      <c r="I119" s="582" t="s">
        <v>2543</v>
      </c>
      <c r="J119" s="599" t="s">
        <v>2544</v>
      </c>
    </row>
    <row r="120" spans="1:10">
      <c r="A120" s="754"/>
      <c r="B120" s="774"/>
      <c r="C120" s="589" t="s">
        <v>2545</v>
      </c>
      <c r="D120" s="583" t="s">
        <v>2546</v>
      </c>
      <c r="E120" s="583" t="s">
        <v>2547</v>
      </c>
      <c r="F120" s="583" t="s">
        <v>2548</v>
      </c>
      <c r="G120" s="583" t="s">
        <v>2549</v>
      </c>
      <c r="H120" s="583" t="s">
        <v>2550</v>
      </c>
      <c r="I120" s="583" t="s">
        <v>2551</v>
      </c>
      <c r="J120" s="600" t="s">
        <v>2552</v>
      </c>
    </row>
    <row r="121" spans="1:10" ht="49.5">
      <c r="A121" s="754"/>
      <c r="B121" s="774"/>
      <c r="C121" s="591" t="s">
        <v>2427</v>
      </c>
      <c r="D121" s="590" t="s">
        <v>2513</v>
      </c>
      <c r="E121" s="590" t="s">
        <v>2513</v>
      </c>
      <c r="F121" s="590" t="s">
        <v>2429</v>
      </c>
      <c r="G121" s="590" t="s">
        <v>2553</v>
      </c>
      <c r="H121" s="590" t="s">
        <v>2554</v>
      </c>
      <c r="I121" s="590" t="s">
        <v>2553</v>
      </c>
      <c r="J121" s="601" t="s">
        <v>2554</v>
      </c>
    </row>
    <row r="122" spans="1:10" ht="49.5">
      <c r="A122" s="754"/>
      <c r="B122" s="774"/>
      <c r="C122" s="591" t="s">
        <v>2555</v>
      </c>
      <c r="D122" s="590" t="s">
        <v>2556</v>
      </c>
      <c r="E122" s="590"/>
      <c r="F122" s="590" t="s">
        <v>2557</v>
      </c>
      <c r="G122" s="590" t="s">
        <v>2558</v>
      </c>
      <c r="H122" s="590" t="s">
        <v>2559</v>
      </c>
      <c r="I122" s="590" t="s">
        <v>2558</v>
      </c>
      <c r="J122" s="601" t="s">
        <v>2559</v>
      </c>
    </row>
    <row r="123" spans="1:10">
      <c r="A123" s="754"/>
      <c r="B123" s="774"/>
      <c r="C123" s="589" t="s">
        <v>2560</v>
      </c>
      <c r="D123" s="583" t="s">
        <v>2561</v>
      </c>
      <c r="E123" s="583" t="s">
        <v>2562</v>
      </c>
      <c r="F123" s="583" t="s">
        <v>2563</v>
      </c>
      <c r="G123" s="583" t="s">
        <v>2564</v>
      </c>
      <c r="H123" s="583" t="s">
        <v>2565</v>
      </c>
      <c r="I123" s="583" t="s">
        <v>2564</v>
      </c>
      <c r="J123" s="600" t="s">
        <v>2565</v>
      </c>
    </row>
    <row r="124" spans="1:10" ht="17.25" thickBot="1">
      <c r="A124" s="755"/>
      <c r="B124" s="761"/>
      <c r="C124" s="592"/>
      <c r="D124" s="593"/>
      <c r="E124" s="593"/>
      <c r="F124" s="593"/>
      <c r="G124" s="593"/>
      <c r="H124" s="593"/>
      <c r="I124" s="593"/>
      <c r="J124" s="617"/>
    </row>
    <row r="125" spans="1:10" ht="17.25" thickBot="1">
      <c r="A125" s="604"/>
      <c r="B125" s="605"/>
    </row>
    <row r="126" spans="1:10" ht="94.5" customHeight="1">
      <c r="A126" s="753"/>
      <c r="B126" s="759" t="s">
        <v>2566</v>
      </c>
      <c r="C126" s="584"/>
      <c r="D126" s="585"/>
      <c r="E126" s="585"/>
      <c r="F126" s="598"/>
    </row>
    <row r="127" spans="1:10">
      <c r="A127" s="754"/>
      <c r="B127" s="760"/>
      <c r="C127" s="587" t="s">
        <v>2286</v>
      </c>
      <c r="D127" s="582" t="s">
        <v>2262</v>
      </c>
      <c r="E127" s="588" t="s">
        <v>2274</v>
      </c>
      <c r="F127" s="599" t="s">
        <v>2276</v>
      </c>
    </row>
    <row r="128" spans="1:10">
      <c r="A128" s="754"/>
      <c r="B128" s="760"/>
      <c r="C128" s="589" t="s">
        <v>2525</v>
      </c>
      <c r="D128" s="583" t="s">
        <v>2526</v>
      </c>
      <c r="E128" s="583" t="s">
        <v>2527</v>
      </c>
      <c r="F128" s="600" t="s">
        <v>2528</v>
      </c>
    </row>
    <row r="129" spans="1:10" ht="66">
      <c r="A129" s="754"/>
      <c r="B129" s="760"/>
      <c r="C129" s="591" t="s">
        <v>2529</v>
      </c>
      <c r="D129" s="590" t="s">
        <v>2530</v>
      </c>
      <c r="E129" s="590" t="s">
        <v>2567</v>
      </c>
      <c r="F129" s="601" t="s">
        <v>2568</v>
      </c>
    </row>
    <row r="130" spans="1:10" ht="33">
      <c r="A130" s="754"/>
      <c r="B130" s="760"/>
      <c r="C130" s="591" t="s">
        <v>2569</v>
      </c>
      <c r="D130" s="590" t="s">
        <v>2570</v>
      </c>
      <c r="E130" s="590" t="s">
        <v>2535</v>
      </c>
      <c r="F130" s="601" t="s">
        <v>2536</v>
      </c>
    </row>
    <row r="131" spans="1:10">
      <c r="A131" s="754"/>
      <c r="B131" s="760"/>
      <c r="C131" s="589" t="s">
        <v>2537</v>
      </c>
      <c r="D131" s="583" t="s">
        <v>2538</v>
      </c>
      <c r="E131" s="583" t="s">
        <v>2539</v>
      </c>
      <c r="F131" s="600" t="s">
        <v>2540</v>
      </c>
    </row>
    <row r="132" spans="1:10" ht="17.25" thickBot="1">
      <c r="A132" s="754"/>
      <c r="B132" s="760"/>
      <c r="C132" s="592"/>
      <c r="D132" s="593"/>
      <c r="E132" s="593"/>
      <c r="F132" s="617"/>
    </row>
    <row r="133" spans="1:10" ht="17.25" thickBot="1">
      <c r="A133" s="754"/>
      <c r="B133" s="774"/>
    </row>
    <row r="134" spans="1:10" ht="87" customHeight="1">
      <c r="A134" s="754"/>
      <c r="B134" s="774"/>
      <c r="C134" s="584"/>
      <c r="D134" s="585"/>
      <c r="E134" s="585"/>
      <c r="F134" s="585"/>
      <c r="G134" s="585"/>
      <c r="H134" s="585"/>
      <c r="I134" s="598"/>
    </row>
    <row r="135" spans="1:10">
      <c r="A135" s="754"/>
      <c r="B135" s="774"/>
      <c r="C135" s="633" t="s">
        <v>2303</v>
      </c>
      <c r="D135" s="588" t="s">
        <v>2305</v>
      </c>
      <c r="E135" s="582" t="s">
        <v>2272</v>
      </c>
      <c r="F135" s="582" t="s">
        <v>2541</v>
      </c>
      <c r="G135" s="582" t="s">
        <v>2542</v>
      </c>
      <c r="H135" s="582" t="s">
        <v>2543</v>
      </c>
      <c r="I135" s="628" t="s">
        <v>2544</v>
      </c>
    </row>
    <row r="136" spans="1:10">
      <c r="A136" s="754"/>
      <c r="B136" s="774"/>
      <c r="C136" s="589" t="s">
        <v>2546</v>
      </c>
      <c r="D136" s="583" t="s">
        <v>2547</v>
      </c>
      <c r="E136" s="583" t="s">
        <v>2548</v>
      </c>
      <c r="F136" s="583" t="s">
        <v>2549</v>
      </c>
      <c r="G136" s="583" t="s">
        <v>2550</v>
      </c>
      <c r="H136" s="583" t="s">
        <v>2551</v>
      </c>
      <c r="I136" s="600" t="s">
        <v>2552</v>
      </c>
    </row>
    <row r="137" spans="1:10" ht="49.5">
      <c r="A137" s="754"/>
      <c r="B137" s="774"/>
      <c r="C137" s="591" t="s">
        <v>2513</v>
      </c>
      <c r="D137" s="590" t="s">
        <v>2513</v>
      </c>
      <c r="E137" s="590" t="s">
        <v>2429</v>
      </c>
      <c r="F137" s="590" t="s">
        <v>2571</v>
      </c>
      <c r="G137" s="590" t="s">
        <v>2572</v>
      </c>
      <c r="H137" s="590" t="s">
        <v>2571</v>
      </c>
      <c r="I137" s="601" t="s">
        <v>2572</v>
      </c>
    </row>
    <row r="138" spans="1:10" ht="49.5">
      <c r="A138" s="754"/>
      <c r="B138" s="774"/>
      <c r="C138" s="591" t="s">
        <v>2556</v>
      </c>
      <c r="D138" s="590"/>
      <c r="E138" s="590" t="s">
        <v>2557</v>
      </c>
      <c r="F138" s="590" t="s">
        <v>2558</v>
      </c>
      <c r="G138" s="590" t="s">
        <v>2559</v>
      </c>
      <c r="H138" s="590" t="s">
        <v>2558</v>
      </c>
      <c r="I138" s="601" t="s">
        <v>2559</v>
      </c>
    </row>
    <row r="139" spans="1:10">
      <c r="A139" s="754"/>
      <c r="B139" s="774"/>
      <c r="C139" s="589" t="s">
        <v>2561</v>
      </c>
      <c r="D139" s="583" t="s">
        <v>2562</v>
      </c>
      <c r="E139" s="583" t="s">
        <v>2563</v>
      </c>
      <c r="F139" s="583" t="s">
        <v>2564</v>
      </c>
      <c r="G139" s="583" t="s">
        <v>2565</v>
      </c>
      <c r="H139" s="583" t="s">
        <v>2564</v>
      </c>
      <c r="I139" s="600" t="s">
        <v>2565</v>
      </c>
    </row>
    <row r="140" spans="1:10" ht="17.25" thickBot="1">
      <c r="A140" s="755"/>
      <c r="B140" s="761"/>
      <c r="C140" s="592"/>
      <c r="D140" s="593"/>
      <c r="E140" s="593"/>
      <c r="F140" s="593"/>
      <c r="G140" s="593"/>
      <c r="H140" s="593"/>
      <c r="I140" s="617"/>
    </row>
    <row r="141" spans="1:10" ht="17.25" thickBot="1">
      <c r="A141" s="604"/>
      <c r="B141" s="605"/>
    </row>
    <row r="142" spans="1:10" ht="84.75" customHeight="1">
      <c r="A142" s="753"/>
      <c r="B142" s="759" t="s">
        <v>2573</v>
      </c>
      <c r="C142" s="584"/>
      <c r="D142" s="585"/>
      <c r="E142" s="585"/>
      <c r="F142" s="585"/>
      <c r="G142" s="585"/>
      <c r="H142" s="585"/>
      <c r="I142" s="585"/>
      <c r="J142" s="598"/>
    </row>
    <row r="143" spans="1:10">
      <c r="A143" s="754"/>
      <c r="B143" s="760"/>
      <c r="C143" s="633" t="s">
        <v>2270</v>
      </c>
      <c r="D143" s="582" t="s">
        <v>2262</v>
      </c>
      <c r="E143" s="582" t="s">
        <v>2301</v>
      </c>
      <c r="F143" s="582" t="s">
        <v>2303</v>
      </c>
      <c r="G143" s="588" t="s">
        <v>2305</v>
      </c>
      <c r="H143" s="582" t="s">
        <v>2268</v>
      </c>
      <c r="I143" s="588" t="s">
        <v>2274</v>
      </c>
      <c r="J143" s="599" t="s">
        <v>2276</v>
      </c>
    </row>
    <row r="144" spans="1:10">
      <c r="A144" s="754"/>
      <c r="B144" s="760"/>
      <c r="C144" s="589" t="s">
        <v>2574</v>
      </c>
      <c r="D144" s="583" t="s">
        <v>2526</v>
      </c>
      <c r="E144" s="583" t="s">
        <v>2545</v>
      </c>
      <c r="F144" s="583" t="s">
        <v>2546</v>
      </c>
      <c r="G144" s="583" t="s">
        <v>2547</v>
      </c>
      <c r="H144" s="583" t="s">
        <v>2575</v>
      </c>
      <c r="I144" s="583" t="s">
        <v>2527</v>
      </c>
      <c r="J144" s="600" t="s">
        <v>2528</v>
      </c>
    </row>
    <row r="145" spans="1:10" ht="82.5">
      <c r="A145" s="754"/>
      <c r="B145" s="760"/>
      <c r="C145" s="589" t="s">
        <v>2576</v>
      </c>
      <c r="D145" s="590" t="s">
        <v>2577</v>
      </c>
      <c r="E145" s="590" t="s">
        <v>2578</v>
      </c>
      <c r="F145" s="590" t="s">
        <v>2513</v>
      </c>
      <c r="G145" s="590" t="s">
        <v>2513</v>
      </c>
      <c r="H145" s="583" t="s">
        <v>2426</v>
      </c>
      <c r="I145" s="590" t="s">
        <v>2567</v>
      </c>
      <c r="J145" s="601" t="s">
        <v>2568</v>
      </c>
    </row>
    <row r="146" spans="1:10" ht="49.5">
      <c r="A146" s="754"/>
      <c r="B146" s="760"/>
      <c r="C146" s="591" t="s">
        <v>2579</v>
      </c>
      <c r="D146" s="590" t="s">
        <v>2570</v>
      </c>
      <c r="E146" s="590" t="s">
        <v>2555</v>
      </c>
      <c r="F146" s="590" t="s">
        <v>2556</v>
      </c>
      <c r="G146" s="590"/>
      <c r="H146" s="590" t="s">
        <v>2580</v>
      </c>
      <c r="I146" s="590" t="s">
        <v>2535</v>
      </c>
      <c r="J146" s="601" t="s">
        <v>2536</v>
      </c>
    </row>
    <row r="147" spans="1:10">
      <c r="A147" s="754"/>
      <c r="B147" s="760"/>
      <c r="C147" s="591" t="s">
        <v>2581</v>
      </c>
      <c r="D147" s="590" t="s">
        <v>2538</v>
      </c>
      <c r="E147" s="590" t="s">
        <v>2560</v>
      </c>
      <c r="F147" s="583" t="s">
        <v>2561</v>
      </c>
      <c r="G147" s="583" t="s">
        <v>2562</v>
      </c>
      <c r="H147" s="590" t="s">
        <v>2582</v>
      </c>
      <c r="I147" s="583" t="s">
        <v>2539</v>
      </c>
      <c r="J147" s="600" t="s">
        <v>2540</v>
      </c>
    </row>
    <row r="148" spans="1:10" ht="17.25" thickBot="1">
      <c r="A148" s="755"/>
      <c r="B148" s="761"/>
      <c r="C148" s="592"/>
      <c r="D148" s="593"/>
      <c r="E148" s="593"/>
      <c r="F148" s="593"/>
      <c r="G148" s="593"/>
      <c r="H148" s="593"/>
      <c r="I148" s="593"/>
      <c r="J148" s="617"/>
    </row>
    <row r="149" spans="1:10" ht="17.25" thickBot="1">
      <c r="A149" s="604"/>
      <c r="B149" s="605"/>
      <c r="C149" s="603"/>
      <c r="D149" s="603"/>
      <c r="E149" s="603"/>
      <c r="F149" s="603"/>
      <c r="G149" s="603"/>
      <c r="H149" s="603"/>
      <c r="I149" s="603"/>
      <c r="J149" s="603"/>
    </row>
    <row r="150" spans="1:10" ht="78" customHeight="1">
      <c r="A150" s="753"/>
      <c r="B150" s="759" t="s">
        <v>143</v>
      </c>
      <c r="C150" s="584"/>
      <c r="D150" s="585"/>
      <c r="E150" s="585"/>
      <c r="F150" s="585"/>
      <c r="G150" s="598"/>
    </row>
    <row r="151" spans="1:10">
      <c r="A151" s="754"/>
      <c r="B151" s="760"/>
      <c r="C151" s="587" t="s">
        <v>2342</v>
      </c>
      <c r="D151" s="582" t="s">
        <v>2344</v>
      </c>
      <c r="E151" s="582" t="s">
        <v>2340</v>
      </c>
      <c r="F151" s="582" t="s">
        <v>2258</v>
      </c>
      <c r="G151" s="628" t="s">
        <v>2295</v>
      </c>
    </row>
    <row r="152" spans="1:10">
      <c r="A152" s="754"/>
      <c r="B152" s="760"/>
      <c r="C152" s="589" t="s">
        <v>2583</v>
      </c>
      <c r="D152" s="583" t="s">
        <v>2584</v>
      </c>
      <c r="E152" s="583" t="s">
        <v>2585</v>
      </c>
      <c r="F152" s="583" t="s">
        <v>2496</v>
      </c>
      <c r="G152" s="600" t="s">
        <v>2366</v>
      </c>
    </row>
    <row r="153" spans="1:10" ht="49.5">
      <c r="A153" s="754"/>
      <c r="B153" s="760"/>
      <c r="C153" s="591" t="s">
        <v>2586</v>
      </c>
      <c r="D153" s="590" t="s">
        <v>2587</v>
      </c>
      <c r="E153" s="590" t="s">
        <v>2588</v>
      </c>
      <c r="F153" s="590" t="s">
        <v>2589</v>
      </c>
      <c r="G153" s="601" t="s">
        <v>2590</v>
      </c>
    </row>
    <row r="154" spans="1:10" ht="66">
      <c r="A154" s="754"/>
      <c r="B154" s="760"/>
      <c r="C154" s="591" t="s">
        <v>2591</v>
      </c>
      <c r="D154" s="590" t="s">
        <v>2592</v>
      </c>
      <c r="E154" s="590" t="s">
        <v>2593</v>
      </c>
      <c r="F154" s="590" t="s">
        <v>2594</v>
      </c>
      <c r="G154" s="601" t="s">
        <v>2394</v>
      </c>
    </row>
    <row r="155" spans="1:10">
      <c r="A155" s="754"/>
      <c r="B155" s="760"/>
      <c r="C155" s="591" t="s">
        <v>2595</v>
      </c>
      <c r="D155" s="590" t="s">
        <v>2596</v>
      </c>
      <c r="E155" s="590" t="s">
        <v>2597</v>
      </c>
      <c r="F155" s="590" t="s">
        <v>2401</v>
      </c>
      <c r="G155" s="601" t="s">
        <v>2407</v>
      </c>
    </row>
    <row r="156" spans="1:10" ht="17.25" thickBot="1">
      <c r="A156" s="755"/>
      <c r="B156" s="761"/>
      <c r="C156" s="606"/>
      <c r="D156" s="607"/>
      <c r="E156" s="607"/>
      <c r="F156" s="607"/>
      <c r="G156" s="608"/>
    </row>
  </sheetData>
  <mergeCells count="34">
    <mergeCell ref="A142:A148"/>
    <mergeCell ref="B142:B148"/>
    <mergeCell ref="A150:A156"/>
    <mergeCell ref="B150:B156"/>
    <mergeCell ref="A100:A106"/>
    <mergeCell ref="B100:B106"/>
    <mergeCell ref="A110:A124"/>
    <mergeCell ref="B110:B124"/>
    <mergeCell ref="A126:A140"/>
    <mergeCell ref="B126:B140"/>
    <mergeCell ref="A77:A82"/>
    <mergeCell ref="B77:B82"/>
    <mergeCell ref="A84:A89"/>
    <mergeCell ref="B84:B89"/>
    <mergeCell ref="A92:A98"/>
    <mergeCell ref="B92:B98"/>
    <mergeCell ref="A52:A58"/>
    <mergeCell ref="B52:B58"/>
    <mergeCell ref="A60:A66"/>
    <mergeCell ref="B60:B66"/>
    <mergeCell ref="A69:A75"/>
    <mergeCell ref="B69:B75"/>
    <mergeCell ref="A28:A34"/>
    <mergeCell ref="B28:B34"/>
    <mergeCell ref="A36:A42"/>
    <mergeCell ref="B36:B42"/>
    <mergeCell ref="A44:A50"/>
    <mergeCell ref="B44:B50"/>
    <mergeCell ref="A3:A9"/>
    <mergeCell ref="B3:B9"/>
    <mergeCell ref="A12:A18"/>
    <mergeCell ref="B12:B18"/>
    <mergeCell ref="A20:A26"/>
    <mergeCell ref="B20:B26"/>
  </mergeCells>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82"/>
  <sheetViews>
    <sheetView zoomScale="90" zoomScaleNormal="90" workbookViewId="0">
      <pane xSplit="2" ySplit="1" topLeftCell="C61" activePane="bottomRight" state="frozen"/>
      <selection pane="topRight" activeCell="C1" sqref="C1"/>
      <selection pane="bottomLeft" activeCell="A2" sqref="A2"/>
      <selection pane="bottomRight" activeCell="E67" sqref="E67"/>
    </sheetView>
  </sheetViews>
  <sheetFormatPr defaultColWidth="9" defaultRowHeight="15"/>
  <cols>
    <col min="1" max="1" width="1.7109375" style="53" customWidth="1"/>
    <col min="2" max="2" width="26.7109375" style="53" customWidth="1"/>
    <col min="3" max="3" width="21.42578125" style="53" customWidth="1"/>
    <col min="4" max="4" width="32" style="388" customWidth="1"/>
    <col min="5" max="5" width="12" style="724" bestFit="1" customWidth="1"/>
    <col min="6" max="6" width="9" style="53"/>
    <col min="7" max="7" width="16.140625" style="53" customWidth="1"/>
    <col min="8" max="8" width="17.85546875" style="374" customWidth="1"/>
    <col min="9" max="9" width="9.140625" style="374" customWidth="1"/>
    <col min="10" max="16" width="9" style="374"/>
    <col min="17" max="17" width="20.42578125" style="374" customWidth="1"/>
    <col min="18" max="20" width="9" style="374"/>
    <col min="21" max="21" width="14.140625" style="374" customWidth="1"/>
    <col min="22" max="16384" width="9" style="53"/>
  </cols>
  <sheetData>
    <row r="1" spans="1:22" s="40" customFormat="1" ht="22.5">
      <c r="A1" s="299"/>
      <c r="B1" s="300" t="s">
        <v>835</v>
      </c>
      <c r="C1" s="301" t="s">
        <v>115</v>
      </c>
      <c r="D1" s="301" t="s">
        <v>828</v>
      </c>
      <c r="E1" s="721" t="s">
        <v>907</v>
      </c>
      <c r="F1" s="54" t="s">
        <v>86</v>
      </c>
      <c r="G1" s="54" t="s">
        <v>88</v>
      </c>
      <c r="H1" s="302" t="s">
        <v>1021</v>
      </c>
      <c r="I1" s="302" t="s">
        <v>1022</v>
      </c>
      <c r="J1" s="302" t="s">
        <v>1023</v>
      </c>
      <c r="K1" s="302" t="s">
        <v>1024</v>
      </c>
      <c r="L1" s="302" t="s">
        <v>1025</v>
      </c>
      <c r="M1" s="302" t="s">
        <v>1026</v>
      </c>
      <c r="N1" s="302" t="s">
        <v>1027</v>
      </c>
      <c r="O1" s="302" t="s">
        <v>1028</v>
      </c>
      <c r="P1" s="302" t="s">
        <v>1029</v>
      </c>
      <c r="Q1" s="302" t="s">
        <v>1030</v>
      </c>
      <c r="R1" s="302" t="s">
        <v>1031</v>
      </c>
      <c r="S1" s="302" t="s">
        <v>1032</v>
      </c>
      <c r="T1" s="303"/>
      <c r="U1" s="303"/>
    </row>
    <row r="2" spans="1:22" s="43" customFormat="1" ht="14.1" customHeight="1">
      <c r="A2" s="304"/>
      <c r="B2" s="305" t="s">
        <v>1033</v>
      </c>
      <c r="C2" s="306"/>
      <c r="D2" s="307" t="s">
        <v>0</v>
      </c>
      <c r="E2" s="722"/>
      <c r="F2" s="80"/>
      <c r="G2" s="80"/>
      <c r="H2" s="308"/>
      <c r="I2" s="308"/>
      <c r="J2" s="308"/>
      <c r="K2" s="308"/>
      <c r="L2" s="308"/>
      <c r="M2" s="308"/>
      <c r="N2" s="308"/>
      <c r="O2" s="308"/>
      <c r="P2" s="308"/>
      <c r="Q2" s="308"/>
      <c r="R2" s="308"/>
      <c r="S2" s="308"/>
      <c r="T2" s="309"/>
      <c r="U2" s="309"/>
    </row>
    <row r="3" spans="1:22" s="324" customFormat="1" ht="14.1" customHeight="1">
      <c r="A3" s="310"/>
      <c r="B3" s="311" t="s">
        <v>1034</v>
      </c>
      <c r="C3" s="312"/>
      <c r="D3" s="313" t="s">
        <v>1035</v>
      </c>
      <c r="E3" s="705" t="s">
        <v>89</v>
      </c>
      <c r="F3" s="314"/>
      <c r="G3" s="315"/>
      <c r="H3" s="316" t="s">
        <v>1036</v>
      </c>
      <c r="I3" s="317" t="s">
        <v>1037</v>
      </c>
      <c r="J3" s="318" t="s">
        <v>1038</v>
      </c>
      <c r="K3" s="319"/>
      <c r="L3" s="317" t="s">
        <v>1039</v>
      </c>
      <c r="M3" s="318" t="s">
        <v>1040</v>
      </c>
      <c r="N3" s="320" t="s">
        <v>1041</v>
      </c>
      <c r="O3" s="321" t="s">
        <v>1042</v>
      </c>
      <c r="P3" s="322" t="s">
        <v>1043</v>
      </c>
      <c r="Q3" s="322" t="s">
        <v>1044</v>
      </c>
      <c r="R3" s="322" t="s">
        <v>1045</v>
      </c>
      <c r="S3" s="318">
        <v>2.5099999999999998</v>
      </c>
      <c r="T3" s="323"/>
      <c r="U3" s="323"/>
    </row>
    <row r="4" spans="1:22" s="324" customFormat="1" ht="14.1" customHeight="1">
      <c r="A4" s="310"/>
      <c r="B4" s="311" t="s">
        <v>1046</v>
      </c>
      <c r="C4" s="312"/>
      <c r="D4" s="325" t="s">
        <v>1047</v>
      </c>
      <c r="E4" s="705" t="s">
        <v>89</v>
      </c>
      <c r="F4" s="326"/>
      <c r="G4" s="315"/>
      <c r="H4" s="327" t="s">
        <v>1036</v>
      </c>
      <c r="I4" s="317" t="s">
        <v>1048</v>
      </c>
      <c r="J4" s="318" t="s">
        <v>1038</v>
      </c>
      <c r="K4" s="319"/>
      <c r="L4" s="317" t="s">
        <v>1039</v>
      </c>
      <c r="M4" s="318" t="s">
        <v>1040</v>
      </c>
      <c r="N4" s="320" t="s">
        <v>1041</v>
      </c>
      <c r="O4" s="321" t="s">
        <v>1042</v>
      </c>
      <c r="P4" s="317" t="s">
        <v>1049</v>
      </c>
      <c r="Q4" s="317" t="s">
        <v>1050</v>
      </c>
      <c r="R4" s="317" t="s">
        <v>1051</v>
      </c>
      <c r="S4" s="318">
        <v>2.5099999999999998</v>
      </c>
      <c r="T4" s="323"/>
      <c r="U4" s="323"/>
    </row>
    <row r="5" spans="1:22" s="324" customFormat="1" ht="14.1" customHeight="1">
      <c r="A5" s="310"/>
      <c r="B5" s="311" t="s">
        <v>1052</v>
      </c>
      <c r="C5" s="312"/>
      <c r="D5" s="325" t="s">
        <v>1053</v>
      </c>
      <c r="E5" s="705" t="s">
        <v>89</v>
      </c>
      <c r="F5" s="104"/>
      <c r="G5" s="60"/>
      <c r="H5" s="328" t="s">
        <v>1054</v>
      </c>
      <c r="I5" s="317" t="s">
        <v>1055</v>
      </c>
      <c r="J5" s="318" t="s">
        <v>1038</v>
      </c>
      <c r="K5" s="319"/>
      <c r="L5" s="322" t="s">
        <v>1056</v>
      </c>
      <c r="M5" s="318" t="s">
        <v>1040</v>
      </c>
      <c r="N5" s="320" t="s">
        <v>1041</v>
      </c>
      <c r="O5" s="321" t="s">
        <v>1057</v>
      </c>
      <c r="P5" s="317" t="s">
        <v>1049</v>
      </c>
      <c r="Q5" s="317" t="s">
        <v>1050</v>
      </c>
      <c r="R5" s="329" t="s">
        <v>1058</v>
      </c>
      <c r="S5" s="318">
        <v>3.3</v>
      </c>
      <c r="T5" s="323"/>
      <c r="U5" s="323"/>
    </row>
    <row r="6" spans="1:22" s="324" customFormat="1" ht="14.1" customHeight="1">
      <c r="A6" s="310"/>
      <c r="B6" s="330" t="s">
        <v>1059</v>
      </c>
      <c r="C6" s="312"/>
      <c r="D6" s="325" t="s">
        <v>1060</v>
      </c>
      <c r="E6" s="705" t="s">
        <v>89</v>
      </c>
      <c r="F6" s="104"/>
      <c r="G6" s="331"/>
      <c r="H6" s="328"/>
      <c r="I6" s="317"/>
      <c r="J6" s="318"/>
      <c r="K6" s="319"/>
      <c r="L6" s="322"/>
      <c r="M6" s="318"/>
      <c r="N6" s="320"/>
      <c r="O6" s="321"/>
      <c r="P6" s="317"/>
      <c r="Q6" s="317"/>
      <c r="R6" s="329"/>
      <c r="S6" s="318"/>
      <c r="T6" s="323"/>
      <c r="U6" s="323"/>
    </row>
    <row r="7" spans="1:22" s="337" customFormat="1" ht="14.1" customHeight="1">
      <c r="A7" s="310"/>
      <c r="B7" s="311" t="s">
        <v>1061</v>
      </c>
      <c r="C7" s="332"/>
      <c r="D7" s="333" t="s">
        <v>1062</v>
      </c>
      <c r="E7" s="705" t="s">
        <v>89</v>
      </c>
      <c r="F7" s="59"/>
      <c r="G7" s="60"/>
      <c r="H7" s="316" t="s">
        <v>1063</v>
      </c>
      <c r="I7" s="322" t="s">
        <v>1064</v>
      </c>
      <c r="J7" s="334" t="s">
        <v>1038</v>
      </c>
      <c r="K7" s="335"/>
      <c r="L7" s="322" t="s">
        <v>1056</v>
      </c>
      <c r="M7" s="334" t="s">
        <v>1065</v>
      </c>
      <c r="N7" s="321" t="s">
        <v>1066</v>
      </c>
      <c r="O7" s="321" t="s">
        <v>1067</v>
      </c>
      <c r="P7" s="322" t="s">
        <v>1068</v>
      </c>
      <c r="Q7" s="322" t="s">
        <v>1069</v>
      </c>
      <c r="R7" s="322" t="s">
        <v>1070</v>
      </c>
      <c r="S7" s="334">
        <v>18.5</v>
      </c>
      <c r="T7" s="336"/>
      <c r="U7" s="336"/>
    </row>
    <row r="8" spans="1:22" s="337" customFormat="1" ht="14.1" customHeight="1">
      <c r="A8" s="310"/>
      <c r="B8" s="311" t="s">
        <v>1071</v>
      </c>
      <c r="C8" s="332"/>
      <c r="D8" s="325" t="s">
        <v>1072</v>
      </c>
      <c r="E8" s="705" t="s">
        <v>89</v>
      </c>
      <c r="F8" s="104"/>
      <c r="G8" s="60"/>
      <c r="H8" s="328" t="s">
        <v>1073</v>
      </c>
      <c r="I8" s="317" t="s">
        <v>1074</v>
      </c>
      <c r="J8" s="318" t="s">
        <v>1038</v>
      </c>
      <c r="K8" s="335"/>
      <c r="L8" s="322" t="s">
        <v>1056</v>
      </c>
      <c r="M8" s="318" t="s">
        <v>1075</v>
      </c>
      <c r="N8" s="320" t="s">
        <v>1076</v>
      </c>
      <c r="O8" s="321" t="s">
        <v>1077</v>
      </c>
      <c r="P8" s="317" t="s">
        <v>1078</v>
      </c>
      <c r="Q8" s="317" t="s">
        <v>1079</v>
      </c>
      <c r="R8" s="329" t="s">
        <v>1080</v>
      </c>
      <c r="S8" s="318">
        <v>6.3</v>
      </c>
      <c r="T8" s="336"/>
      <c r="U8" s="336"/>
    </row>
    <row r="9" spans="1:22" s="337" customFormat="1" ht="14.1" customHeight="1">
      <c r="A9" s="310"/>
      <c r="B9" s="311" t="s">
        <v>1081</v>
      </c>
      <c r="C9" s="338"/>
      <c r="D9" s="333" t="s">
        <v>1082</v>
      </c>
      <c r="E9" s="705" t="s">
        <v>89</v>
      </c>
      <c r="F9" s="59"/>
      <c r="G9" s="60"/>
      <c r="H9" s="316" t="s">
        <v>1063</v>
      </c>
      <c r="I9" s="322" t="s">
        <v>1083</v>
      </c>
      <c r="J9" s="334" t="s">
        <v>1038</v>
      </c>
      <c r="K9" s="335"/>
      <c r="L9" s="322" t="s">
        <v>1056</v>
      </c>
      <c r="M9" s="334" t="s">
        <v>1084</v>
      </c>
      <c r="N9" s="321" t="s">
        <v>1066</v>
      </c>
      <c r="O9" s="321" t="s">
        <v>1067</v>
      </c>
      <c r="P9" s="322" t="s">
        <v>1068</v>
      </c>
      <c r="Q9" s="322" t="s">
        <v>1069</v>
      </c>
      <c r="R9" s="322" t="s">
        <v>1085</v>
      </c>
      <c r="S9" s="334">
        <v>27.5</v>
      </c>
      <c r="T9" s="336"/>
      <c r="U9" s="336"/>
    </row>
    <row r="10" spans="1:22" s="337" customFormat="1" ht="32.450000000000003" customHeight="1">
      <c r="A10" s="310"/>
      <c r="B10" s="311" t="s">
        <v>1086</v>
      </c>
      <c r="C10" s="53"/>
      <c r="D10" s="339" t="s">
        <v>1087</v>
      </c>
      <c r="E10" s="705" t="s">
        <v>89</v>
      </c>
      <c r="F10" s="59"/>
      <c r="G10" s="60"/>
      <c r="H10" s="340" t="s">
        <v>1088</v>
      </c>
      <c r="I10" s="341" t="s">
        <v>1089</v>
      </c>
      <c r="J10" s="341" t="s">
        <v>1090</v>
      </c>
      <c r="K10" s="335"/>
      <c r="L10" s="341" t="s">
        <v>1090</v>
      </c>
      <c r="M10" s="341" t="s">
        <v>1090</v>
      </c>
      <c r="N10" s="341" t="s">
        <v>1090</v>
      </c>
      <c r="O10" s="341" t="s">
        <v>1090</v>
      </c>
      <c r="P10" s="341" t="s">
        <v>1090</v>
      </c>
      <c r="Q10" s="341" t="s">
        <v>1090</v>
      </c>
      <c r="R10" s="341" t="s">
        <v>1091</v>
      </c>
      <c r="S10" s="322">
        <v>1.38</v>
      </c>
      <c r="T10" s="336"/>
      <c r="U10" s="336"/>
    </row>
    <row r="11" spans="1:22" s="337" customFormat="1" ht="32.450000000000003" customHeight="1">
      <c r="A11" s="310"/>
      <c r="B11" s="311" t="s">
        <v>1092</v>
      </c>
      <c r="C11" s="342"/>
      <c r="D11" s="339" t="s">
        <v>1093</v>
      </c>
      <c r="E11" s="705" t="s">
        <v>89</v>
      </c>
      <c r="F11" s="104"/>
      <c r="G11" s="60"/>
      <c r="H11" s="340" t="s">
        <v>1094</v>
      </c>
      <c r="I11" s="341" t="s">
        <v>1089</v>
      </c>
      <c r="J11" s="341" t="s">
        <v>1090</v>
      </c>
      <c r="K11" s="335"/>
      <c r="L11" s="341" t="s">
        <v>1090</v>
      </c>
      <c r="M11" s="341" t="s">
        <v>1090</v>
      </c>
      <c r="N11" s="341" t="s">
        <v>1090</v>
      </c>
      <c r="O11" s="341" t="s">
        <v>1090</v>
      </c>
      <c r="P11" s="341" t="s">
        <v>1090</v>
      </c>
      <c r="Q11" s="341" t="s">
        <v>1090</v>
      </c>
      <c r="R11" s="341" t="s">
        <v>1095</v>
      </c>
      <c r="S11" s="341">
        <v>2.85</v>
      </c>
      <c r="T11" s="336"/>
      <c r="U11" s="336"/>
    </row>
    <row r="12" spans="1:22" s="337" customFormat="1" ht="32.450000000000003" customHeight="1">
      <c r="A12" s="310"/>
      <c r="B12" s="311" t="s">
        <v>1096</v>
      </c>
      <c r="C12" s="342"/>
      <c r="D12" s="343" t="s">
        <v>1097</v>
      </c>
      <c r="E12" s="705" t="s">
        <v>89</v>
      </c>
      <c r="F12" s="59"/>
      <c r="G12" s="60"/>
      <c r="H12" s="340" t="s">
        <v>1098</v>
      </c>
      <c r="I12" s="341" t="s">
        <v>1089</v>
      </c>
      <c r="J12" s="341" t="s">
        <v>1090</v>
      </c>
      <c r="K12" s="335"/>
      <c r="L12" s="341" t="s">
        <v>1090</v>
      </c>
      <c r="M12" s="341" t="s">
        <v>1090</v>
      </c>
      <c r="N12" s="341" t="s">
        <v>1090</v>
      </c>
      <c r="O12" s="341" t="s">
        <v>1090</v>
      </c>
      <c r="P12" s="341" t="s">
        <v>1090</v>
      </c>
      <c r="Q12" s="341" t="s">
        <v>1090</v>
      </c>
      <c r="R12" s="341" t="s">
        <v>1099</v>
      </c>
      <c r="S12" s="341">
        <v>3.15</v>
      </c>
      <c r="T12" s="336"/>
      <c r="U12" s="336"/>
    </row>
    <row r="13" spans="1:22" s="337" customFormat="1" ht="32.450000000000003" customHeight="1">
      <c r="A13" s="344"/>
      <c r="B13" s="311" t="s">
        <v>1092</v>
      </c>
      <c r="C13" s="342"/>
      <c r="D13" s="343" t="s">
        <v>1100</v>
      </c>
      <c r="E13" s="705" t="s">
        <v>89</v>
      </c>
      <c r="F13" s="59"/>
      <c r="G13" s="60"/>
      <c r="H13" s="340" t="s">
        <v>1101</v>
      </c>
      <c r="I13" s="341" t="s">
        <v>1089</v>
      </c>
      <c r="J13" s="341" t="s">
        <v>1090</v>
      </c>
      <c r="K13" s="335"/>
      <c r="L13" s="341" t="s">
        <v>1090</v>
      </c>
      <c r="M13" s="341" t="s">
        <v>1090</v>
      </c>
      <c r="N13" s="341" t="s">
        <v>1090</v>
      </c>
      <c r="O13" s="341" t="s">
        <v>1090</v>
      </c>
      <c r="P13" s="341" t="s">
        <v>1090</v>
      </c>
      <c r="Q13" s="341" t="s">
        <v>1090</v>
      </c>
      <c r="R13" s="341" t="s">
        <v>1102</v>
      </c>
      <c r="S13" s="345" t="s">
        <v>1103</v>
      </c>
      <c r="T13" s="336"/>
      <c r="U13" s="336"/>
    </row>
    <row r="14" spans="1:22" s="337" customFormat="1" ht="32.450000000000003" customHeight="1">
      <c r="A14" s="344"/>
      <c r="B14" s="311" t="s">
        <v>1104</v>
      </c>
      <c r="C14" s="342"/>
      <c r="D14" s="343" t="s">
        <v>1105</v>
      </c>
      <c r="E14" s="705" t="s">
        <v>89</v>
      </c>
      <c r="F14" s="59"/>
      <c r="G14" s="60"/>
      <c r="H14" s="316" t="s">
        <v>1106</v>
      </c>
      <c r="I14" s="341" t="s">
        <v>1089</v>
      </c>
      <c r="J14" s="341" t="s">
        <v>1090</v>
      </c>
      <c r="K14" s="335"/>
      <c r="L14" s="341" t="s">
        <v>1090</v>
      </c>
      <c r="M14" s="341" t="s">
        <v>1090</v>
      </c>
      <c r="N14" s="341" t="s">
        <v>1090</v>
      </c>
      <c r="O14" s="341" t="s">
        <v>1090</v>
      </c>
      <c r="P14" s="341" t="s">
        <v>1090</v>
      </c>
      <c r="Q14" s="341" t="s">
        <v>1090</v>
      </c>
      <c r="R14" s="341" t="s">
        <v>1107</v>
      </c>
      <c r="S14" s="341">
        <v>1.6</v>
      </c>
      <c r="T14" s="336"/>
      <c r="U14" s="336"/>
    </row>
    <row r="15" spans="1:22" s="337" customFormat="1" ht="32.450000000000003" customHeight="1">
      <c r="A15" s="344"/>
      <c r="B15" s="311" t="s">
        <v>1108</v>
      </c>
      <c r="C15" s="342"/>
      <c r="D15" s="343" t="s">
        <v>1109</v>
      </c>
      <c r="E15" s="705" t="s">
        <v>89</v>
      </c>
      <c r="F15" s="59"/>
      <c r="G15" s="60"/>
      <c r="H15" s="316" t="s">
        <v>1110</v>
      </c>
      <c r="I15" s="341" t="s">
        <v>1089</v>
      </c>
      <c r="J15" s="341" t="s">
        <v>1090</v>
      </c>
      <c r="K15" s="335"/>
      <c r="L15" s="341" t="s">
        <v>1090</v>
      </c>
      <c r="M15" s="341" t="s">
        <v>1090</v>
      </c>
      <c r="N15" s="341" t="s">
        <v>1090</v>
      </c>
      <c r="O15" s="341" t="s">
        <v>1090</v>
      </c>
      <c r="P15" s="341" t="s">
        <v>1090</v>
      </c>
      <c r="Q15" s="341" t="s">
        <v>1090</v>
      </c>
      <c r="R15" s="341" t="s">
        <v>1111</v>
      </c>
      <c r="S15" s="341">
        <v>0.45</v>
      </c>
      <c r="T15" s="336"/>
      <c r="U15" s="336"/>
    </row>
    <row r="16" spans="1:22" s="43" customFormat="1" ht="14.1" customHeight="1">
      <c r="A16" s="304"/>
      <c r="B16" s="305" t="s">
        <v>1112</v>
      </c>
      <c r="C16" s="346"/>
      <c r="D16" s="307"/>
      <c r="E16" s="722"/>
      <c r="F16" s="80"/>
      <c r="G16" s="80"/>
      <c r="H16" s="347" t="s">
        <v>1113</v>
      </c>
      <c r="I16" s="347" t="s">
        <v>1114</v>
      </c>
      <c r="J16" s="347" t="s">
        <v>1115</v>
      </c>
      <c r="K16" s="347" t="s">
        <v>1116</v>
      </c>
      <c r="L16" s="347" t="s">
        <v>1117</v>
      </c>
      <c r="M16" s="347" t="s">
        <v>1118</v>
      </c>
      <c r="N16" s="347" t="s">
        <v>1119</v>
      </c>
      <c r="O16" s="347" t="s">
        <v>1120</v>
      </c>
      <c r="P16" s="347" t="s">
        <v>1121</v>
      </c>
      <c r="Q16" s="347" t="s">
        <v>1122</v>
      </c>
      <c r="R16" s="347" t="s">
        <v>1123</v>
      </c>
      <c r="S16" s="347" t="s">
        <v>1124</v>
      </c>
      <c r="T16" s="347" t="s">
        <v>1125</v>
      </c>
      <c r="U16" s="347" t="s">
        <v>1031</v>
      </c>
      <c r="V16" s="347" t="s">
        <v>1126</v>
      </c>
    </row>
    <row r="17" spans="1:22" s="337" customFormat="1" ht="65.099999999999994" customHeight="1">
      <c r="A17" s="344"/>
      <c r="B17" s="348" t="s">
        <v>1127</v>
      </c>
      <c r="C17" s="349"/>
      <c r="D17" s="343" t="s">
        <v>1128</v>
      </c>
      <c r="E17" s="705" t="s">
        <v>89</v>
      </c>
      <c r="F17" s="700" t="s">
        <v>2842</v>
      </c>
      <c r="G17" s="60"/>
      <c r="H17" s="350" t="s">
        <v>1129</v>
      </c>
      <c r="I17" s="351" t="s">
        <v>1130</v>
      </c>
      <c r="J17" s="352" t="s">
        <v>1131</v>
      </c>
      <c r="K17" s="353" t="s">
        <v>1132</v>
      </c>
      <c r="L17" s="352" t="s">
        <v>1133</v>
      </c>
      <c r="M17" s="354" t="s">
        <v>1134</v>
      </c>
      <c r="N17" s="354" t="s">
        <v>1135</v>
      </c>
      <c r="O17" s="351" t="s">
        <v>1136</v>
      </c>
      <c r="P17" s="351" t="s">
        <v>1137</v>
      </c>
      <c r="Q17" s="351" t="s">
        <v>1138</v>
      </c>
      <c r="R17" s="351" t="s">
        <v>1139</v>
      </c>
      <c r="S17" s="351" t="s">
        <v>1140</v>
      </c>
      <c r="T17" s="351" t="s">
        <v>1141</v>
      </c>
      <c r="U17" s="351" t="s">
        <v>1142</v>
      </c>
      <c r="V17" s="351" t="s">
        <v>1143</v>
      </c>
    </row>
    <row r="18" spans="1:22" s="337" customFormat="1" ht="65.099999999999994" customHeight="1">
      <c r="A18" s="344"/>
      <c r="B18" s="348" t="s">
        <v>1144</v>
      </c>
      <c r="C18" s="349"/>
      <c r="D18" s="343" t="s">
        <v>1145</v>
      </c>
      <c r="E18" s="705" t="s">
        <v>89</v>
      </c>
      <c r="F18" s="700" t="s">
        <v>2842</v>
      </c>
      <c r="G18" s="60"/>
      <c r="H18" s="350" t="s">
        <v>1129</v>
      </c>
      <c r="I18" s="351" t="s">
        <v>1146</v>
      </c>
      <c r="J18" s="352" t="s">
        <v>1131</v>
      </c>
      <c r="K18" s="353" t="s">
        <v>1132</v>
      </c>
      <c r="L18" s="352" t="s">
        <v>1133</v>
      </c>
      <c r="M18" s="354" t="s">
        <v>1134</v>
      </c>
      <c r="N18" s="354" t="s">
        <v>1147</v>
      </c>
      <c r="O18" s="351" t="s">
        <v>1136</v>
      </c>
      <c r="P18" s="351" t="s">
        <v>1137</v>
      </c>
      <c r="Q18" s="351" t="s">
        <v>1138</v>
      </c>
      <c r="R18" s="351" t="s">
        <v>1139</v>
      </c>
      <c r="S18" s="351" t="s">
        <v>1140</v>
      </c>
      <c r="T18" s="351" t="s">
        <v>1141</v>
      </c>
      <c r="U18" s="351" t="s">
        <v>1148</v>
      </c>
      <c r="V18" s="351" t="s">
        <v>1149</v>
      </c>
    </row>
    <row r="19" spans="1:22" s="337" customFormat="1" ht="65.099999999999994" customHeight="1">
      <c r="A19" s="344"/>
      <c r="B19" s="348" t="s">
        <v>1150</v>
      </c>
      <c r="C19" s="349"/>
      <c r="D19" s="343" t="s">
        <v>1151</v>
      </c>
      <c r="E19" s="705" t="s">
        <v>89</v>
      </c>
      <c r="F19" s="700" t="s">
        <v>2842</v>
      </c>
      <c r="G19" s="60"/>
      <c r="H19" s="350" t="s">
        <v>1129</v>
      </c>
      <c r="I19" s="351" t="s">
        <v>1152</v>
      </c>
      <c r="J19" s="352" t="s">
        <v>1131</v>
      </c>
      <c r="K19" s="353" t="s">
        <v>1132</v>
      </c>
      <c r="L19" s="352" t="s">
        <v>1153</v>
      </c>
      <c r="M19" s="354" t="s">
        <v>1134</v>
      </c>
      <c r="N19" s="354" t="s">
        <v>1147</v>
      </c>
      <c r="O19" s="351" t="s">
        <v>1136</v>
      </c>
      <c r="P19" s="351" t="s">
        <v>1137</v>
      </c>
      <c r="Q19" s="351" t="s">
        <v>1138</v>
      </c>
      <c r="R19" s="351" t="s">
        <v>1139</v>
      </c>
      <c r="S19" s="351" t="s">
        <v>1140</v>
      </c>
      <c r="T19" s="351" t="s">
        <v>1141</v>
      </c>
      <c r="U19" s="351" t="s">
        <v>1154</v>
      </c>
      <c r="V19" s="351" t="s">
        <v>1155</v>
      </c>
    </row>
    <row r="20" spans="1:22" s="43" customFormat="1" ht="14.1" customHeight="1">
      <c r="A20" s="304"/>
      <c r="B20" s="305" t="s">
        <v>1156</v>
      </c>
      <c r="C20" s="346"/>
      <c r="D20" s="307" t="s">
        <v>0</v>
      </c>
      <c r="E20" s="722"/>
      <c r="F20" s="80"/>
      <c r="G20" s="80"/>
      <c r="H20" s="302" t="s">
        <v>1021</v>
      </c>
      <c r="I20" s="302" t="s">
        <v>1022</v>
      </c>
      <c r="J20" s="302" t="s">
        <v>1023</v>
      </c>
      <c r="K20" s="302" t="s">
        <v>1024</v>
      </c>
      <c r="L20" s="302" t="s">
        <v>1025</v>
      </c>
      <c r="M20" s="302" t="s">
        <v>1026</v>
      </c>
      <c r="N20" s="302" t="s">
        <v>1027</v>
      </c>
      <c r="O20" s="302" t="s">
        <v>1028</v>
      </c>
      <c r="P20" s="302" t="s">
        <v>1029</v>
      </c>
      <c r="Q20" s="302" t="s">
        <v>1157</v>
      </c>
      <c r="R20" s="302" t="s">
        <v>1031</v>
      </c>
      <c r="S20" s="302" t="s">
        <v>1032</v>
      </c>
      <c r="T20" s="309"/>
      <c r="U20" s="309"/>
    </row>
    <row r="21" spans="1:22" s="337" customFormat="1" ht="45.6" customHeight="1">
      <c r="A21" s="344"/>
      <c r="B21" s="311" t="s">
        <v>1158</v>
      </c>
      <c r="C21" s="355"/>
      <c r="D21" s="339" t="s">
        <v>1159</v>
      </c>
      <c r="E21" s="705" t="s">
        <v>89</v>
      </c>
      <c r="F21" s="104"/>
      <c r="G21" s="60"/>
      <c r="H21" s="322" t="s">
        <v>1160</v>
      </c>
      <c r="I21" s="322" t="s">
        <v>1161</v>
      </c>
      <c r="J21" s="334" t="s">
        <v>1038</v>
      </c>
      <c r="K21" s="334" t="s">
        <v>1162</v>
      </c>
      <c r="L21" s="317" t="s">
        <v>1056</v>
      </c>
      <c r="M21" s="334" t="s">
        <v>1163</v>
      </c>
      <c r="N21" s="321" t="s">
        <v>1066</v>
      </c>
      <c r="O21" s="321" t="s">
        <v>1067</v>
      </c>
      <c r="P21" s="322" t="s">
        <v>1164</v>
      </c>
      <c r="Q21" s="322" t="s">
        <v>1165</v>
      </c>
      <c r="R21" s="322" t="s">
        <v>1166</v>
      </c>
      <c r="S21" s="322" t="s">
        <v>1167</v>
      </c>
      <c r="T21" s="336"/>
      <c r="U21" s="336"/>
    </row>
    <row r="22" spans="1:22" s="337" customFormat="1" ht="44.1" customHeight="1">
      <c r="A22" s="344"/>
      <c r="B22" s="311" t="s">
        <v>1168</v>
      </c>
      <c r="C22" s="356"/>
      <c r="D22" s="339" t="s">
        <v>1169</v>
      </c>
      <c r="E22" s="705" t="s">
        <v>89</v>
      </c>
      <c r="F22" s="104"/>
      <c r="G22" s="60"/>
      <c r="H22" s="322" t="s">
        <v>1160</v>
      </c>
      <c r="I22" s="322" t="s">
        <v>1170</v>
      </c>
      <c r="J22" s="334" t="s">
        <v>1038</v>
      </c>
      <c r="K22" s="334" t="s">
        <v>1162</v>
      </c>
      <c r="L22" s="317" t="s">
        <v>1056</v>
      </c>
      <c r="M22" s="334" t="s">
        <v>1163</v>
      </c>
      <c r="N22" s="321" t="s">
        <v>1171</v>
      </c>
      <c r="O22" s="321" t="s">
        <v>1067</v>
      </c>
      <c r="P22" s="322" t="s">
        <v>1164</v>
      </c>
      <c r="Q22" s="322" t="s">
        <v>1165</v>
      </c>
      <c r="R22" s="322" t="s">
        <v>1172</v>
      </c>
      <c r="S22" s="322" t="s">
        <v>1173</v>
      </c>
      <c r="T22" s="336"/>
      <c r="U22" s="336"/>
    </row>
    <row r="23" spans="1:22" s="337" customFormat="1" ht="51.95" customHeight="1">
      <c r="A23" s="344"/>
      <c r="B23" s="311" t="s">
        <v>1174</v>
      </c>
      <c r="C23" s="357"/>
      <c r="D23" s="339" t="s">
        <v>1175</v>
      </c>
      <c r="E23" s="705" t="s">
        <v>89</v>
      </c>
      <c r="F23" s="104"/>
      <c r="G23" s="60"/>
      <c r="H23" s="322" t="s">
        <v>1160</v>
      </c>
      <c r="I23" s="322" t="s">
        <v>1176</v>
      </c>
      <c r="J23" s="334" t="s">
        <v>1038</v>
      </c>
      <c r="K23" s="334" t="s">
        <v>1162</v>
      </c>
      <c r="L23" s="317" t="s">
        <v>1056</v>
      </c>
      <c r="M23" s="334" t="s">
        <v>1163</v>
      </c>
      <c r="N23" s="321" t="s">
        <v>1066</v>
      </c>
      <c r="O23" s="321" t="s">
        <v>1067</v>
      </c>
      <c r="P23" s="322" t="s">
        <v>1164</v>
      </c>
      <c r="Q23" s="322" t="s">
        <v>1165</v>
      </c>
      <c r="R23" s="322" t="s">
        <v>1177</v>
      </c>
      <c r="S23" s="322" t="s">
        <v>1178</v>
      </c>
      <c r="T23" s="336"/>
      <c r="U23" s="336"/>
    </row>
    <row r="24" spans="1:22" s="337" customFormat="1" ht="14.1" customHeight="1">
      <c r="A24" s="344"/>
      <c r="B24" s="311" t="s">
        <v>1179</v>
      </c>
      <c r="C24" s="355"/>
      <c r="D24" s="358" t="s">
        <v>1180</v>
      </c>
      <c r="E24" s="705" t="s">
        <v>89</v>
      </c>
      <c r="F24" s="104"/>
      <c r="G24" s="60"/>
      <c r="H24" s="778" t="s">
        <v>1181</v>
      </c>
      <c r="I24" s="778"/>
      <c r="J24" s="778"/>
      <c r="K24" s="778"/>
      <c r="L24" s="778"/>
      <c r="M24" s="778"/>
      <c r="N24" s="778"/>
      <c r="O24" s="778"/>
      <c r="P24" s="778"/>
      <c r="Q24" s="778"/>
      <c r="R24" s="359"/>
      <c r="S24" s="359"/>
      <c r="T24" s="336"/>
      <c r="U24" s="336"/>
    </row>
    <row r="25" spans="1:22" s="337" customFormat="1" ht="14.1" customHeight="1">
      <c r="A25" s="344"/>
      <c r="B25" s="311" t="s">
        <v>1182</v>
      </c>
      <c r="C25" s="360"/>
      <c r="D25" s="358" t="s">
        <v>1183</v>
      </c>
      <c r="E25" s="705" t="s">
        <v>89</v>
      </c>
      <c r="F25" s="104"/>
      <c r="G25" s="60"/>
      <c r="H25" s="778" t="s">
        <v>1184</v>
      </c>
      <c r="I25" s="778"/>
      <c r="J25" s="778"/>
      <c r="K25" s="778"/>
      <c r="L25" s="778"/>
      <c r="M25" s="778"/>
      <c r="N25" s="778"/>
      <c r="O25" s="778"/>
      <c r="P25" s="778"/>
      <c r="Q25" s="778"/>
      <c r="R25" s="359"/>
      <c r="S25" s="359"/>
      <c r="T25" s="336"/>
      <c r="U25" s="336"/>
    </row>
    <row r="26" spans="1:22" s="337" customFormat="1" ht="14.1" customHeight="1">
      <c r="A26" s="344"/>
      <c r="B26" s="311" t="s">
        <v>1185</v>
      </c>
      <c r="C26" s="360"/>
      <c r="D26" s="358" t="s">
        <v>1186</v>
      </c>
      <c r="E26" s="705" t="s">
        <v>89</v>
      </c>
      <c r="F26" s="104"/>
      <c r="G26" s="60"/>
      <c r="H26" s="778" t="s">
        <v>1187</v>
      </c>
      <c r="I26" s="778"/>
      <c r="J26" s="778"/>
      <c r="K26" s="778"/>
      <c r="L26" s="778"/>
      <c r="M26" s="778"/>
      <c r="N26" s="778"/>
      <c r="O26" s="778"/>
      <c r="P26" s="778"/>
      <c r="Q26" s="778"/>
      <c r="R26" s="359"/>
      <c r="S26" s="359"/>
      <c r="T26" s="336"/>
      <c r="U26" s="336"/>
    </row>
    <row r="27" spans="1:22" s="337" customFormat="1" ht="14.1" customHeight="1">
      <c r="A27" s="344"/>
      <c r="B27" s="311" t="s">
        <v>1188</v>
      </c>
      <c r="C27" s="360"/>
      <c r="D27" s="358" t="s">
        <v>1189</v>
      </c>
      <c r="E27" s="705" t="s">
        <v>89</v>
      </c>
      <c r="F27" s="104"/>
      <c r="G27" s="60"/>
      <c r="H27" s="778" t="s">
        <v>1190</v>
      </c>
      <c r="I27" s="778"/>
      <c r="J27" s="778"/>
      <c r="K27" s="778"/>
      <c r="L27" s="778"/>
      <c r="M27" s="778"/>
      <c r="N27" s="778"/>
      <c r="O27" s="778"/>
      <c r="P27" s="778"/>
      <c r="Q27" s="778"/>
      <c r="R27" s="359"/>
      <c r="S27" s="359"/>
      <c r="T27" s="336"/>
      <c r="U27" s="336"/>
    </row>
    <row r="28" spans="1:22" s="337" customFormat="1" ht="14.1" customHeight="1">
      <c r="A28" s="344"/>
      <c r="B28" s="311" t="s">
        <v>1191</v>
      </c>
      <c r="C28" s="360"/>
      <c r="D28" s="358" t="s">
        <v>1192</v>
      </c>
      <c r="E28" s="705" t="s">
        <v>89</v>
      </c>
      <c r="F28" s="104"/>
      <c r="G28" s="60"/>
      <c r="H28" s="778" t="s">
        <v>1193</v>
      </c>
      <c r="I28" s="778"/>
      <c r="J28" s="778"/>
      <c r="K28" s="778"/>
      <c r="L28" s="778"/>
      <c r="M28" s="778"/>
      <c r="N28" s="778"/>
      <c r="O28" s="778"/>
      <c r="P28" s="778"/>
      <c r="Q28" s="778"/>
      <c r="R28" s="359"/>
      <c r="S28" s="359"/>
      <c r="T28" s="336"/>
      <c r="U28" s="336"/>
    </row>
    <row r="29" spans="1:22" s="337" customFormat="1" ht="14.1" customHeight="1">
      <c r="A29" s="344"/>
      <c r="B29" s="311" t="s">
        <v>1194</v>
      </c>
      <c r="C29" s="360"/>
      <c r="D29" s="358" t="s">
        <v>1195</v>
      </c>
      <c r="E29" s="705" t="s">
        <v>89</v>
      </c>
      <c r="F29" s="104"/>
      <c r="G29" s="60"/>
      <c r="H29" s="778" t="s">
        <v>1196</v>
      </c>
      <c r="I29" s="778"/>
      <c r="J29" s="778"/>
      <c r="K29" s="778"/>
      <c r="L29" s="778"/>
      <c r="M29" s="778"/>
      <c r="N29" s="778"/>
      <c r="O29" s="778"/>
      <c r="P29" s="778"/>
      <c r="Q29" s="778"/>
      <c r="R29" s="359"/>
      <c r="S29" s="359"/>
      <c r="T29" s="336"/>
      <c r="U29" s="336"/>
    </row>
    <row r="30" spans="1:22" s="337" customFormat="1" ht="14.1" customHeight="1">
      <c r="A30" s="344"/>
      <c r="B30" s="311" t="s">
        <v>1197</v>
      </c>
      <c r="C30" s="360"/>
      <c r="D30" s="358" t="s">
        <v>1198</v>
      </c>
      <c r="E30" s="705" t="s">
        <v>89</v>
      </c>
      <c r="F30" s="104"/>
      <c r="G30" s="60"/>
      <c r="H30" s="778" t="s">
        <v>1199</v>
      </c>
      <c r="I30" s="778"/>
      <c r="J30" s="778"/>
      <c r="K30" s="778"/>
      <c r="L30" s="778"/>
      <c r="M30" s="778"/>
      <c r="N30" s="778"/>
      <c r="O30" s="778"/>
      <c r="P30" s="778"/>
      <c r="Q30" s="778"/>
      <c r="R30" s="359"/>
      <c r="S30" s="359"/>
      <c r="T30" s="336"/>
      <c r="U30" s="336"/>
    </row>
    <row r="31" spans="1:22" s="337" customFormat="1" ht="14.1" customHeight="1">
      <c r="A31" s="344"/>
      <c r="B31" s="311" t="s">
        <v>1200</v>
      </c>
      <c r="C31" s="360"/>
      <c r="D31" s="358" t="s">
        <v>1201</v>
      </c>
      <c r="E31" s="705" t="s">
        <v>89</v>
      </c>
      <c r="F31" s="104"/>
      <c r="G31" s="60"/>
      <c r="H31" s="778" t="s">
        <v>1202</v>
      </c>
      <c r="I31" s="778"/>
      <c r="J31" s="778"/>
      <c r="K31" s="778"/>
      <c r="L31" s="778"/>
      <c r="M31" s="778"/>
      <c r="N31" s="778"/>
      <c r="O31" s="778"/>
      <c r="P31" s="778"/>
      <c r="Q31" s="778"/>
      <c r="R31" s="359"/>
      <c r="S31" s="359"/>
      <c r="T31" s="336"/>
      <c r="U31" s="336"/>
    </row>
    <row r="32" spans="1:22" s="337" customFormat="1" ht="14.1" customHeight="1">
      <c r="A32" s="344"/>
      <c r="B32" s="311" t="s">
        <v>1200</v>
      </c>
      <c r="C32" s="360"/>
      <c r="D32" s="358" t="s">
        <v>1201</v>
      </c>
      <c r="E32" s="705" t="s">
        <v>89</v>
      </c>
      <c r="F32" s="104"/>
      <c r="G32" s="60"/>
      <c r="H32" s="778" t="s">
        <v>1203</v>
      </c>
      <c r="I32" s="778"/>
      <c r="J32" s="778"/>
      <c r="K32" s="778"/>
      <c r="L32" s="778"/>
      <c r="M32" s="778"/>
      <c r="N32" s="778"/>
      <c r="O32" s="778"/>
      <c r="P32" s="778"/>
      <c r="Q32" s="778"/>
      <c r="R32" s="359"/>
      <c r="S32" s="359"/>
      <c r="T32" s="336"/>
      <c r="U32" s="336"/>
    </row>
    <row r="33" spans="1:21" s="337" customFormat="1" ht="14.1" customHeight="1">
      <c r="A33" s="344"/>
      <c r="B33" s="311" t="s">
        <v>1204</v>
      </c>
      <c r="C33" s="360"/>
      <c r="D33" s="358" t="s">
        <v>1205</v>
      </c>
      <c r="E33" s="705" t="s">
        <v>89</v>
      </c>
      <c r="F33" s="104"/>
      <c r="G33" s="60"/>
      <c r="H33" s="778" t="s">
        <v>1206</v>
      </c>
      <c r="I33" s="778"/>
      <c r="J33" s="778"/>
      <c r="K33" s="778"/>
      <c r="L33" s="778"/>
      <c r="M33" s="778"/>
      <c r="N33" s="778"/>
      <c r="O33" s="778"/>
      <c r="P33" s="778"/>
      <c r="Q33" s="778"/>
      <c r="R33" s="359"/>
      <c r="S33" s="359"/>
      <c r="T33" s="336"/>
      <c r="U33" s="336"/>
    </row>
    <row r="34" spans="1:21" s="337" customFormat="1" ht="14.1" customHeight="1">
      <c r="A34" s="344"/>
      <c r="B34" s="311" t="s">
        <v>1207</v>
      </c>
      <c r="C34" s="360"/>
      <c r="D34" s="358" t="s">
        <v>1208</v>
      </c>
      <c r="E34" s="705" t="s">
        <v>89</v>
      </c>
      <c r="F34" s="104"/>
      <c r="G34" s="60"/>
      <c r="H34" s="778" t="s">
        <v>1209</v>
      </c>
      <c r="I34" s="778"/>
      <c r="J34" s="778"/>
      <c r="K34" s="778"/>
      <c r="L34" s="778"/>
      <c r="M34" s="778"/>
      <c r="N34" s="778"/>
      <c r="O34" s="778"/>
      <c r="P34" s="778"/>
      <c r="Q34" s="778"/>
      <c r="R34" s="359"/>
      <c r="S34" s="359"/>
      <c r="T34" s="336"/>
      <c r="U34" s="336"/>
    </row>
    <row r="35" spans="1:21" s="337" customFormat="1" ht="14.1" customHeight="1">
      <c r="A35" s="344"/>
      <c r="B35" s="311" t="s">
        <v>1210</v>
      </c>
      <c r="C35" s="360"/>
      <c r="D35" s="358" t="s">
        <v>1211</v>
      </c>
      <c r="E35" s="705" t="s">
        <v>89</v>
      </c>
      <c r="F35" s="104"/>
      <c r="G35" s="60"/>
      <c r="H35" s="778" t="s">
        <v>1212</v>
      </c>
      <c r="I35" s="778"/>
      <c r="J35" s="778"/>
      <c r="K35" s="778"/>
      <c r="L35" s="778"/>
      <c r="M35" s="778"/>
      <c r="N35" s="778"/>
      <c r="O35" s="778"/>
      <c r="P35" s="778"/>
      <c r="Q35" s="778"/>
      <c r="R35" s="359"/>
      <c r="S35" s="359"/>
      <c r="T35" s="336"/>
      <c r="U35" s="336"/>
    </row>
    <row r="36" spans="1:21" s="337" customFormat="1" ht="14.1" customHeight="1">
      <c r="A36" s="344"/>
      <c r="B36" s="311" t="s">
        <v>1213</v>
      </c>
      <c r="C36" s="360"/>
      <c r="D36" s="358" t="s">
        <v>1214</v>
      </c>
      <c r="E36" s="705" t="s">
        <v>89</v>
      </c>
      <c r="F36" s="104"/>
      <c r="G36" s="60"/>
      <c r="H36" s="778" t="s">
        <v>1215</v>
      </c>
      <c r="I36" s="778"/>
      <c r="J36" s="778"/>
      <c r="K36" s="778"/>
      <c r="L36" s="778"/>
      <c r="M36" s="778"/>
      <c r="N36" s="778"/>
      <c r="O36" s="778"/>
      <c r="P36" s="778"/>
      <c r="Q36" s="778"/>
      <c r="R36" s="359"/>
      <c r="S36" s="359"/>
      <c r="T36" s="336"/>
      <c r="U36" s="336"/>
    </row>
    <row r="37" spans="1:21" s="337" customFormat="1" ht="14.1" customHeight="1">
      <c r="A37" s="344"/>
      <c r="B37" s="311" t="s">
        <v>1216</v>
      </c>
      <c r="C37" s="360"/>
      <c r="D37" s="358" t="s">
        <v>1217</v>
      </c>
      <c r="E37" s="705" t="s">
        <v>89</v>
      </c>
      <c r="F37" s="104"/>
      <c r="G37" s="60"/>
      <c r="H37" s="778" t="s">
        <v>1218</v>
      </c>
      <c r="I37" s="778"/>
      <c r="J37" s="778"/>
      <c r="K37" s="778"/>
      <c r="L37" s="778"/>
      <c r="M37" s="778"/>
      <c r="N37" s="778"/>
      <c r="O37" s="778"/>
      <c r="P37" s="778"/>
      <c r="Q37" s="778"/>
      <c r="R37" s="359"/>
      <c r="S37" s="359"/>
      <c r="T37" s="336"/>
      <c r="U37" s="336"/>
    </row>
    <row r="38" spans="1:21" s="337" customFormat="1" ht="14.1" customHeight="1">
      <c r="A38" s="344"/>
      <c r="B38" s="311" t="s">
        <v>1219</v>
      </c>
      <c r="C38" s="360"/>
      <c r="D38" s="358" t="s">
        <v>1220</v>
      </c>
      <c r="E38" s="705" t="s">
        <v>89</v>
      </c>
      <c r="F38" s="104"/>
      <c r="G38" s="60"/>
      <c r="H38" s="778" t="s">
        <v>1221</v>
      </c>
      <c r="I38" s="778"/>
      <c r="J38" s="778"/>
      <c r="K38" s="778"/>
      <c r="L38" s="778"/>
      <c r="M38" s="778"/>
      <c r="N38" s="778"/>
      <c r="O38" s="778"/>
      <c r="P38" s="778"/>
      <c r="Q38" s="778"/>
      <c r="R38" s="359"/>
      <c r="S38" s="359"/>
      <c r="T38" s="336"/>
      <c r="U38" s="336"/>
    </row>
    <row r="39" spans="1:21" s="337" customFormat="1" ht="14.1" customHeight="1">
      <c r="A39" s="344"/>
      <c r="B39" s="311" t="s">
        <v>1222</v>
      </c>
      <c r="C39" s="360"/>
      <c r="D39" s="358" t="s">
        <v>1223</v>
      </c>
      <c r="E39" s="705" t="s">
        <v>89</v>
      </c>
      <c r="F39" s="104"/>
      <c r="G39" s="60"/>
      <c r="H39" s="778" t="s">
        <v>1224</v>
      </c>
      <c r="I39" s="778"/>
      <c r="J39" s="778"/>
      <c r="K39" s="778"/>
      <c r="L39" s="778"/>
      <c r="M39" s="778"/>
      <c r="N39" s="778"/>
      <c r="O39" s="778"/>
      <c r="P39" s="778"/>
      <c r="Q39" s="778"/>
      <c r="R39" s="359"/>
      <c r="S39" s="359"/>
      <c r="T39" s="336"/>
      <c r="U39" s="336"/>
    </row>
    <row r="40" spans="1:21" s="337" customFormat="1" ht="14.1" customHeight="1">
      <c r="A40" s="344"/>
      <c r="B40" s="311" t="s">
        <v>1225</v>
      </c>
      <c r="C40" s="360"/>
      <c r="D40" s="358" t="s">
        <v>1226</v>
      </c>
      <c r="E40" s="705" t="s">
        <v>89</v>
      </c>
      <c r="F40" s="104"/>
      <c r="G40" s="60"/>
      <c r="H40" s="778" t="s">
        <v>1227</v>
      </c>
      <c r="I40" s="778"/>
      <c r="J40" s="778"/>
      <c r="K40" s="778"/>
      <c r="L40" s="778"/>
      <c r="M40" s="778"/>
      <c r="N40" s="778"/>
      <c r="O40" s="778"/>
      <c r="P40" s="778"/>
      <c r="Q40" s="778"/>
      <c r="R40" s="359"/>
      <c r="S40" s="359"/>
      <c r="T40" s="336"/>
      <c r="U40" s="336"/>
    </row>
    <row r="41" spans="1:21" s="337" customFormat="1" ht="14.1" customHeight="1">
      <c r="A41" s="344"/>
      <c r="B41" s="311" t="s">
        <v>1228</v>
      </c>
      <c r="C41" s="357"/>
      <c r="D41" s="358" t="s">
        <v>1229</v>
      </c>
      <c r="E41" s="705" t="s">
        <v>89</v>
      </c>
      <c r="F41" s="104"/>
      <c r="G41" s="60"/>
      <c r="H41" s="778" t="s">
        <v>1230</v>
      </c>
      <c r="I41" s="778"/>
      <c r="J41" s="778"/>
      <c r="K41" s="778"/>
      <c r="L41" s="778"/>
      <c r="M41" s="778"/>
      <c r="N41" s="778"/>
      <c r="O41" s="778"/>
      <c r="P41" s="778"/>
      <c r="Q41" s="778"/>
      <c r="R41" s="359"/>
      <c r="S41" s="359"/>
      <c r="T41" s="336"/>
      <c r="U41" s="336"/>
    </row>
    <row r="42" spans="1:21" s="337" customFormat="1" ht="14.1" customHeight="1">
      <c r="A42" s="304"/>
      <c r="B42" s="305" t="s">
        <v>162</v>
      </c>
      <c r="C42" s="346"/>
      <c r="D42" s="307" t="s">
        <v>0</v>
      </c>
      <c r="E42" s="722"/>
      <c r="F42" s="80"/>
      <c r="G42" s="80"/>
      <c r="H42" s="347" t="s">
        <v>1231</v>
      </c>
      <c r="I42" s="347" t="s">
        <v>1232</v>
      </c>
      <c r="J42" s="347" t="s">
        <v>1233</v>
      </c>
      <c r="K42" s="347" t="s">
        <v>1234</v>
      </c>
      <c r="L42" s="347" t="s">
        <v>1235</v>
      </c>
      <c r="M42" s="347" t="s">
        <v>1236</v>
      </c>
      <c r="N42" s="347" t="s">
        <v>1237</v>
      </c>
      <c r="O42" s="347" t="s">
        <v>1238</v>
      </c>
      <c r="P42" s="347" t="s">
        <v>1239</v>
      </c>
      <c r="Q42" s="347" t="s">
        <v>1240</v>
      </c>
      <c r="R42" s="347" t="s">
        <v>1031</v>
      </c>
      <c r="S42" s="347" t="s">
        <v>1032</v>
      </c>
      <c r="U42" s="336"/>
    </row>
    <row r="43" spans="1:21" s="337" customFormat="1" ht="50.45" customHeight="1">
      <c r="A43" s="344"/>
      <c r="B43" s="311" t="s">
        <v>1241</v>
      </c>
      <c r="C43" s="311"/>
      <c r="D43" s="339" t="s">
        <v>1242</v>
      </c>
      <c r="E43" s="705" t="s">
        <v>89</v>
      </c>
      <c r="F43" s="104"/>
      <c r="G43" s="353"/>
      <c r="H43" s="361" t="s">
        <v>1243</v>
      </c>
      <c r="I43" s="362" t="s">
        <v>1244</v>
      </c>
      <c r="J43" s="362" t="s">
        <v>1245</v>
      </c>
      <c r="K43" s="351" t="s">
        <v>1246</v>
      </c>
      <c r="L43" s="362" t="s">
        <v>1247</v>
      </c>
      <c r="M43" s="352" t="s">
        <v>1090</v>
      </c>
      <c r="N43" s="363">
        <v>4</v>
      </c>
      <c r="O43" s="364" t="s">
        <v>1090</v>
      </c>
      <c r="P43" s="364" t="s">
        <v>1090</v>
      </c>
      <c r="Q43" s="364" t="s">
        <v>1090</v>
      </c>
      <c r="R43" s="351" t="s">
        <v>1248</v>
      </c>
      <c r="S43" s="351" t="s">
        <v>1249</v>
      </c>
      <c r="U43" s="336"/>
    </row>
    <row r="44" spans="1:21" s="337" customFormat="1" ht="45" customHeight="1">
      <c r="A44" s="344"/>
      <c r="B44" s="311" t="s">
        <v>1250</v>
      </c>
      <c r="C44" s="311"/>
      <c r="D44" s="339" t="s">
        <v>1242</v>
      </c>
      <c r="E44" s="705" t="s">
        <v>89</v>
      </c>
      <c r="F44" s="104"/>
      <c r="G44" s="353"/>
      <c r="H44" s="361" t="s">
        <v>1243</v>
      </c>
      <c r="I44" s="362" t="s">
        <v>1244</v>
      </c>
      <c r="J44" s="362" t="s">
        <v>1245</v>
      </c>
      <c r="K44" s="351" t="s">
        <v>1246</v>
      </c>
      <c r="L44" s="362" t="s">
        <v>1247</v>
      </c>
      <c r="M44" s="352" t="s">
        <v>1090</v>
      </c>
      <c r="N44" s="363">
        <v>6</v>
      </c>
      <c r="O44" s="364" t="s">
        <v>1090</v>
      </c>
      <c r="P44" s="364" t="s">
        <v>1090</v>
      </c>
      <c r="Q44" s="364" t="s">
        <v>1090</v>
      </c>
      <c r="R44" s="351" t="s">
        <v>1251</v>
      </c>
      <c r="S44" s="351" t="s">
        <v>1252</v>
      </c>
      <c r="U44" s="336"/>
    </row>
    <row r="45" spans="1:21" s="337" customFormat="1" ht="33.950000000000003" customHeight="1">
      <c r="A45" s="344"/>
      <c r="B45" s="311" t="s">
        <v>1253</v>
      </c>
      <c r="C45" s="311"/>
      <c r="D45" s="358" t="s">
        <v>1254</v>
      </c>
      <c r="E45" s="705" t="s">
        <v>89</v>
      </c>
      <c r="F45" s="59"/>
      <c r="G45" s="353"/>
      <c r="H45" s="361" t="s">
        <v>1255</v>
      </c>
      <c r="I45" s="365" t="s">
        <v>1256</v>
      </c>
      <c r="J45" s="366"/>
      <c r="K45" s="366"/>
      <c r="L45" s="366"/>
      <c r="M45" s="366"/>
      <c r="N45" s="366"/>
      <c r="O45" s="366"/>
      <c r="P45" s="366"/>
      <c r="Q45" s="367"/>
      <c r="R45" s="368"/>
      <c r="S45" s="368"/>
      <c r="U45" s="336"/>
    </row>
    <row r="46" spans="1:21" s="337" customFormat="1" ht="33" customHeight="1">
      <c r="A46" s="344"/>
      <c r="B46" s="311" t="s">
        <v>1257</v>
      </c>
      <c r="C46" s="311"/>
      <c r="D46" s="358" t="s">
        <v>1258</v>
      </c>
      <c r="E46" s="705" t="s">
        <v>89</v>
      </c>
      <c r="F46" s="59"/>
      <c r="G46" s="353"/>
      <c r="H46" s="361" t="s">
        <v>1259</v>
      </c>
      <c r="I46" s="365" t="s">
        <v>1260</v>
      </c>
      <c r="J46" s="366"/>
      <c r="K46" s="366"/>
      <c r="L46" s="366"/>
      <c r="M46" s="366"/>
      <c r="N46" s="366"/>
      <c r="O46" s="366"/>
      <c r="P46" s="366"/>
      <c r="Q46" s="367"/>
      <c r="R46" s="368"/>
      <c r="S46" s="368"/>
      <c r="U46" s="336"/>
    </row>
    <row r="47" spans="1:21" s="337" customFormat="1" ht="24.95" customHeight="1">
      <c r="A47" s="344"/>
      <c r="B47" s="311" t="s">
        <v>1261</v>
      </c>
      <c r="C47" s="311"/>
      <c r="D47" s="358" t="s">
        <v>1262</v>
      </c>
      <c r="E47" s="705" t="s">
        <v>89</v>
      </c>
      <c r="F47" s="59"/>
      <c r="G47" s="353"/>
      <c r="H47" s="361" t="s">
        <v>1263</v>
      </c>
      <c r="I47" s="365" t="s">
        <v>1260</v>
      </c>
      <c r="J47" s="366"/>
      <c r="K47" s="366"/>
      <c r="L47" s="366"/>
      <c r="M47" s="366"/>
      <c r="N47" s="366"/>
      <c r="O47" s="366"/>
      <c r="P47" s="366"/>
      <c r="Q47" s="367"/>
      <c r="R47" s="369"/>
      <c r="S47" s="369"/>
      <c r="U47" s="336"/>
    </row>
    <row r="48" spans="1:21" s="337" customFormat="1" ht="35.1" customHeight="1">
      <c r="A48" s="344"/>
      <c r="B48" s="311" t="s">
        <v>1264</v>
      </c>
      <c r="C48" s="311"/>
      <c r="D48" s="358" t="s">
        <v>1265</v>
      </c>
      <c r="E48" s="705" t="s">
        <v>89</v>
      </c>
      <c r="F48" s="59"/>
      <c r="G48" s="353"/>
      <c r="H48" s="361" t="s">
        <v>1266</v>
      </c>
      <c r="I48" s="365" t="s">
        <v>1260</v>
      </c>
      <c r="J48" s="366"/>
      <c r="K48" s="366"/>
      <c r="L48" s="366"/>
      <c r="M48" s="366"/>
      <c r="N48" s="366"/>
      <c r="O48" s="366"/>
      <c r="P48" s="366"/>
      <c r="Q48" s="367"/>
      <c r="R48" s="368"/>
      <c r="S48" s="368"/>
      <c r="U48" s="336"/>
    </row>
    <row r="49" spans="1:24" s="337" customFormat="1" ht="29.1" customHeight="1">
      <c r="A49" s="344"/>
      <c r="B49" s="311" t="s">
        <v>1267</v>
      </c>
      <c r="C49" s="311"/>
      <c r="D49" s="358" t="s">
        <v>1268</v>
      </c>
      <c r="E49" s="705" t="s">
        <v>89</v>
      </c>
      <c r="F49" s="59"/>
      <c r="G49" s="353"/>
      <c r="H49" s="361" t="s">
        <v>1269</v>
      </c>
      <c r="I49" s="365" t="s">
        <v>1260</v>
      </c>
      <c r="J49" s="366"/>
      <c r="K49" s="366"/>
      <c r="L49" s="366"/>
      <c r="M49" s="366"/>
      <c r="N49" s="366"/>
      <c r="O49" s="366"/>
      <c r="P49" s="366"/>
      <c r="Q49" s="367"/>
      <c r="R49" s="369"/>
      <c r="S49" s="370"/>
      <c r="U49" s="336"/>
    </row>
    <row r="50" spans="1:24" s="337" customFormat="1" ht="44.1" customHeight="1">
      <c r="A50" s="344"/>
      <c r="B50" s="311" t="s">
        <v>1274</v>
      </c>
      <c r="C50" s="311"/>
      <c r="D50" s="333" t="s">
        <v>1275</v>
      </c>
      <c r="E50" s="705" t="s">
        <v>89</v>
      </c>
      <c r="F50" s="700" t="s">
        <v>2842</v>
      </c>
      <c r="G50" s="353"/>
      <c r="H50" s="361" t="s">
        <v>1276</v>
      </c>
      <c r="I50" s="361" t="s">
        <v>1277</v>
      </c>
      <c r="J50" s="361" t="s">
        <v>1278</v>
      </c>
      <c r="K50" s="351" t="s">
        <v>1279</v>
      </c>
      <c r="L50" s="362" t="s">
        <v>1247</v>
      </c>
      <c r="M50" s="351" t="s">
        <v>1280</v>
      </c>
      <c r="N50" s="363" t="s">
        <v>1090</v>
      </c>
      <c r="O50" s="361" t="s">
        <v>1281</v>
      </c>
      <c r="P50" s="371" t="s">
        <v>1272</v>
      </c>
      <c r="Q50" s="371" t="s">
        <v>1273</v>
      </c>
      <c r="R50" s="351" t="s">
        <v>1282</v>
      </c>
      <c r="S50" s="351" t="s">
        <v>1249</v>
      </c>
      <c r="T50" s="361" t="s">
        <v>1283</v>
      </c>
      <c r="U50" s="361" t="s">
        <v>1284</v>
      </c>
    </row>
    <row r="51" spans="1:24" s="337" customFormat="1" ht="44.1" customHeight="1">
      <c r="A51" s="344"/>
      <c r="B51" s="311" t="s">
        <v>1285</v>
      </c>
      <c r="C51" s="311"/>
      <c r="D51" s="333" t="s">
        <v>1286</v>
      </c>
      <c r="E51" s="705" t="s">
        <v>89</v>
      </c>
      <c r="F51" s="700" t="s">
        <v>2842</v>
      </c>
      <c r="G51" s="353"/>
      <c r="H51" s="361" t="s">
        <v>1287</v>
      </c>
      <c r="I51" s="361" t="s">
        <v>1277</v>
      </c>
      <c r="J51" s="361" t="s">
        <v>1288</v>
      </c>
      <c r="K51" s="351" t="s">
        <v>1279</v>
      </c>
      <c r="L51" s="362" t="s">
        <v>1247</v>
      </c>
      <c r="M51" s="351" t="s">
        <v>1289</v>
      </c>
      <c r="N51" s="363" t="s">
        <v>1090</v>
      </c>
      <c r="O51" s="361" t="s">
        <v>1281</v>
      </c>
      <c r="P51" s="371" t="s">
        <v>1272</v>
      </c>
      <c r="Q51" s="371" t="s">
        <v>1273</v>
      </c>
      <c r="R51" s="351" t="s">
        <v>1282</v>
      </c>
      <c r="S51" s="351" t="s">
        <v>1249</v>
      </c>
      <c r="T51" s="361" t="s">
        <v>1290</v>
      </c>
      <c r="U51" s="361" t="s">
        <v>1291</v>
      </c>
    </row>
    <row r="52" spans="1:24" s="337" customFormat="1" ht="44.1" customHeight="1">
      <c r="A52" s="344"/>
      <c r="B52" s="311" t="s">
        <v>1292</v>
      </c>
      <c r="C52" s="311"/>
      <c r="D52" s="333" t="s">
        <v>1293</v>
      </c>
      <c r="E52" s="705" t="s">
        <v>89</v>
      </c>
      <c r="F52" s="104"/>
      <c r="G52" s="353"/>
      <c r="H52" s="361" t="s">
        <v>1270</v>
      </c>
      <c r="I52" s="361" t="s">
        <v>1277</v>
      </c>
      <c r="J52" s="361" t="s">
        <v>1294</v>
      </c>
      <c r="K52" s="351" t="s">
        <v>1279</v>
      </c>
      <c r="L52" s="362" t="s">
        <v>1247</v>
      </c>
      <c r="M52" s="351" t="s">
        <v>1271</v>
      </c>
      <c r="N52" s="363" t="s">
        <v>1090</v>
      </c>
      <c r="O52" s="361" t="s">
        <v>1281</v>
      </c>
      <c r="P52" s="371" t="s">
        <v>1272</v>
      </c>
      <c r="Q52" s="371" t="s">
        <v>1273</v>
      </c>
      <c r="R52" s="351" t="s">
        <v>1282</v>
      </c>
      <c r="S52" s="351" t="s">
        <v>1249</v>
      </c>
      <c r="T52" s="361" t="s">
        <v>1295</v>
      </c>
      <c r="U52" s="361" t="s">
        <v>1296</v>
      </c>
    </row>
    <row r="53" spans="1:24" ht="57" customHeight="1">
      <c r="A53" s="372"/>
      <c r="B53" s="373" t="s">
        <v>1297</v>
      </c>
      <c r="C53" s="373"/>
      <c r="D53" s="311" t="s">
        <v>1298</v>
      </c>
      <c r="E53" s="705" t="s">
        <v>89</v>
      </c>
      <c r="F53" s="104"/>
      <c r="G53" s="353"/>
      <c r="H53" s="361" t="s">
        <v>1298</v>
      </c>
      <c r="I53" s="362" t="s">
        <v>1299</v>
      </c>
      <c r="J53" s="364" t="s">
        <v>1300</v>
      </c>
      <c r="K53" s="351" t="s">
        <v>1301</v>
      </c>
      <c r="L53" s="362" t="s">
        <v>1302</v>
      </c>
      <c r="M53" s="351" t="s">
        <v>1303</v>
      </c>
      <c r="N53" s="363" t="s">
        <v>128</v>
      </c>
      <c r="O53" s="361" t="s">
        <v>1304</v>
      </c>
      <c r="P53" s="371" t="s">
        <v>126</v>
      </c>
      <c r="Q53" s="371" t="s">
        <v>1305</v>
      </c>
      <c r="R53" s="351" t="s">
        <v>1306</v>
      </c>
      <c r="S53" s="351" t="s">
        <v>1307</v>
      </c>
    </row>
    <row r="54" spans="1:24" ht="42.6" customHeight="1">
      <c r="A54" s="372"/>
      <c r="B54" s="373" t="s">
        <v>1308</v>
      </c>
      <c r="C54" s="373"/>
      <c r="D54" s="311" t="s">
        <v>1309</v>
      </c>
      <c r="E54" s="705" t="s">
        <v>89</v>
      </c>
      <c r="F54" s="700" t="s">
        <v>2842</v>
      </c>
      <c r="G54" s="353"/>
      <c r="H54" s="361" t="s">
        <v>1309</v>
      </c>
      <c r="I54" s="362" t="s">
        <v>1310</v>
      </c>
      <c r="J54" s="364" t="s">
        <v>1311</v>
      </c>
      <c r="K54" s="351" t="s">
        <v>1312</v>
      </c>
      <c r="L54" s="362" t="s">
        <v>1313</v>
      </c>
      <c r="M54" s="351" t="s">
        <v>1314</v>
      </c>
      <c r="N54" s="363" t="s">
        <v>128</v>
      </c>
      <c r="O54" s="361" t="s">
        <v>1315</v>
      </c>
      <c r="P54" s="371" t="s">
        <v>126</v>
      </c>
      <c r="Q54" s="371" t="s">
        <v>1316</v>
      </c>
      <c r="R54" s="351" t="s">
        <v>1317</v>
      </c>
      <c r="S54" s="351" t="s">
        <v>1318</v>
      </c>
    </row>
    <row r="55" spans="1:24" ht="43.5" customHeight="1">
      <c r="A55" s="310"/>
      <c r="B55" s="358" t="s">
        <v>1319</v>
      </c>
      <c r="C55" s="358"/>
      <c r="D55" s="375" t="s">
        <v>1320</v>
      </c>
      <c r="E55" s="705" t="s">
        <v>89</v>
      </c>
      <c r="F55" s="104"/>
      <c r="G55" s="353"/>
      <c r="H55" s="361" t="s">
        <v>1320</v>
      </c>
      <c r="I55" s="361" t="s">
        <v>1310</v>
      </c>
      <c r="J55" s="361" t="s">
        <v>1321</v>
      </c>
      <c r="K55" s="351" t="s">
        <v>1312</v>
      </c>
      <c r="L55" s="362" t="s">
        <v>1313</v>
      </c>
      <c r="M55" s="351" t="s">
        <v>1322</v>
      </c>
      <c r="N55" s="363" t="s">
        <v>128</v>
      </c>
      <c r="O55" s="361" t="s">
        <v>1315</v>
      </c>
      <c r="P55" s="371" t="s">
        <v>126</v>
      </c>
      <c r="Q55" s="371" t="s">
        <v>1316</v>
      </c>
      <c r="R55" s="351" t="s">
        <v>1317</v>
      </c>
      <c r="S55" s="351" t="s">
        <v>1323</v>
      </c>
    </row>
    <row r="56" spans="1:24" ht="43.5" customHeight="1">
      <c r="A56" s="310"/>
      <c r="B56" s="358" t="s">
        <v>1324</v>
      </c>
      <c r="C56" s="358"/>
      <c r="D56" s="375" t="s">
        <v>1325</v>
      </c>
      <c r="E56" s="705" t="s">
        <v>89</v>
      </c>
      <c r="F56" s="104"/>
      <c r="G56" s="353"/>
      <c r="H56" s="361" t="s">
        <v>1325</v>
      </c>
      <c r="I56" s="361" t="s">
        <v>1310</v>
      </c>
      <c r="J56" s="361" t="s">
        <v>1326</v>
      </c>
      <c r="K56" s="351" t="s">
        <v>1312</v>
      </c>
      <c r="L56" s="362" t="s">
        <v>1313</v>
      </c>
      <c r="M56" s="351" t="s">
        <v>1327</v>
      </c>
      <c r="N56" s="363" t="s">
        <v>128</v>
      </c>
      <c r="O56" s="361" t="s">
        <v>1315</v>
      </c>
      <c r="P56" s="371" t="s">
        <v>126</v>
      </c>
      <c r="Q56" s="371" t="s">
        <v>1316</v>
      </c>
      <c r="R56" s="351" t="s">
        <v>1317</v>
      </c>
      <c r="S56" s="351" t="s">
        <v>1328</v>
      </c>
    </row>
    <row r="57" spans="1:24">
      <c r="A57" s="310"/>
      <c r="B57" s="358" t="s">
        <v>1329</v>
      </c>
      <c r="C57" s="358"/>
      <c r="D57" s="375" t="s">
        <v>1330</v>
      </c>
      <c r="E57" s="705" t="s">
        <v>89</v>
      </c>
      <c r="F57" s="59"/>
      <c r="G57" s="342"/>
      <c r="H57" s="369"/>
      <c r="I57" s="369"/>
      <c r="J57" s="369"/>
      <c r="K57" s="369"/>
      <c r="L57" s="369"/>
      <c r="M57" s="369"/>
      <c r="N57" s="369"/>
      <c r="O57" s="369"/>
      <c r="P57" s="369"/>
      <c r="Q57" s="369"/>
      <c r="R57" s="369"/>
      <c r="S57" s="369"/>
    </row>
    <row r="58" spans="1:24">
      <c r="A58" s="310"/>
      <c r="B58" s="358" t="s">
        <v>1331</v>
      </c>
      <c r="C58" s="358"/>
      <c r="D58" s="375" t="s">
        <v>1332</v>
      </c>
      <c r="E58" s="705" t="s">
        <v>89</v>
      </c>
      <c r="F58" s="59"/>
      <c r="G58" s="342"/>
      <c r="H58" s="369"/>
      <c r="I58" s="369"/>
      <c r="J58" s="369"/>
      <c r="K58" s="369"/>
      <c r="L58" s="369"/>
      <c r="M58" s="369"/>
      <c r="N58" s="369"/>
      <c r="O58" s="369"/>
      <c r="P58" s="369"/>
      <c r="Q58" s="369"/>
      <c r="R58" s="369"/>
      <c r="S58" s="369"/>
    </row>
    <row r="59" spans="1:24" s="43" customFormat="1" ht="14.1" customHeight="1">
      <c r="A59" s="304"/>
      <c r="B59" s="305" t="s">
        <v>1333</v>
      </c>
      <c r="C59" s="346"/>
      <c r="D59" s="307" t="s">
        <v>0</v>
      </c>
      <c r="E59" s="722"/>
      <c r="F59" s="80"/>
      <c r="G59" s="80"/>
      <c r="H59" s="302" t="s">
        <v>1334</v>
      </c>
      <c r="I59" s="302" t="s">
        <v>1335</v>
      </c>
      <c r="J59" s="376" t="s">
        <v>1336</v>
      </c>
      <c r="K59" s="376" t="s">
        <v>1337</v>
      </c>
      <c r="L59" s="376" t="s">
        <v>1338</v>
      </c>
      <c r="M59" s="376" t="s">
        <v>1339</v>
      </c>
      <c r="N59" s="376" t="s">
        <v>1340</v>
      </c>
      <c r="O59" s="376" t="s">
        <v>1341</v>
      </c>
      <c r="P59" s="376" t="s">
        <v>1025</v>
      </c>
      <c r="Q59" s="376" t="s">
        <v>1026</v>
      </c>
      <c r="R59" s="376" t="s">
        <v>1027</v>
      </c>
      <c r="S59" s="376" t="s">
        <v>1342</v>
      </c>
      <c r="T59" s="309"/>
      <c r="U59" s="309"/>
      <c r="V59" s="53"/>
      <c r="W59" s="53"/>
      <c r="X59" s="377"/>
    </row>
    <row r="60" spans="1:24" ht="15" customHeight="1">
      <c r="A60" s="310"/>
      <c r="B60" s="358" t="s">
        <v>1343</v>
      </c>
      <c r="C60" s="775"/>
      <c r="D60" s="375" t="s">
        <v>1344</v>
      </c>
      <c r="E60" s="705" t="s">
        <v>89</v>
      </c>
      <c r="F60" s="59"/>
      <c r="G60" s="60"/>
      <c r="H60" s="378" t="s">
        <v>1345</v>
      </c>
      <c r="I60" s="378" t="s">
        <v>1346</v>
      </c>
      <c r="J60" s="379" t="s">
        <v>1347</v>
      </c>
      <c r="K60" s="379" t="s">
        <v>1348</v>
      </c>
      <c r="L60" s="379" t="s">
        <v>1349</v>
      </c>
      <c r="M60" s="379" t="s">
        <v>1350</v>
      </c>
      <c r="N60" s="379" t="s">
        <v>1351</v>
      </c>
      <c r="O60" s="379" t="s">
        <v>1352</v>
      </c>
      <c r="P60" s="380" t="s">
        <v>1353</v>
      </c>
      <c r="Q60" s="381" t="s">
        <v>1354</v>
      </c>
      <c r="R60" s="382" t="s">
        <v>1355</v>
      </c>
      <c r="S60" s="379" t="s">
        <v>1356</v>
      </c>
      <c r="X60" s="383"/>
    </row>
    <row r="61" spans="1:24" ht="15" customHeight="1">
      <c r="A61" s="310"/>
      <c r="B61" s="358" t="s">
        <v>1357</v>
      </c>
      <c r="C61" s="776"/>
      <c r="D61" s="375" t="s">
        <v>1344</v>
      </c>
      <c r="E61" s="705" t="s">
        <v>89</v>
      </c>
      <c r="F61" s="59"/>
      <c r="G61" s="60"/>
      <c r="H61" s="378" t="s">
        <v>1345</v>
      </c>
      <c r="I61" s="378" t="s">
        <v>1346</v>
      </c>
      <c r="J61" s="379" t="s">
        <v>1358</v>
      </c>
      <c r="K61" s="379" t="s">
        <v>1348</v>
      </c>
      <c r="L61" s="379" t="s">
        <v>1349</v>
      </c>
      <c r="M61" s="379" t="s">
        <v>1350</v>
      </c>
      <c r="N61" s="379" t="s">
        <v>1351</v>
      </c>
      <c r="O61" s="379" t="s">
        <v>1352</v>
      </c>
      <c r="P61" s="380" t="s">
        <v>1353</v>
      </c>
      <c r="Q61" s="381" t="s">
        <v>1354</v>
      </c>
      <c r="R61" s="382" t="s">
        <v>1355</v>
      </c>
      <c r="S61" s="379" t="s">
        <v>1356</v>
      </c>
      <c r="X61" s="383"/>
    </row>
    <row r="62" spans="1:24" ht="15" customHeight="1">
      <c r="A62" s="310"/>
      <c r="B62" s="358" t="s">
        <v>1359</v>
      </c>
      <c r="C62" s="776"/>
      <c r="D62" s="375" t="s">
        <v>1360</v>
      </c>
      <c r="E62" s="705" t="s">
        <v>89</v>
      </c>
      <c r="F62" s="59"/>
      <c r="G62" s="60"/>
      <c r="H62" s="378" t="s">
        <v>1361</v>
      </c>
      <c r="I62" s="378" t="s">
        <v>1346</v>
      </c>
      <c r="J62" s="379" t="s">
        <v>1347</v>
      </c>
      <c r="K62" s="379" t="s">
        <v>1362</v>
      </c>
      <c r="L62" s="379" t="s">
        <v>1349</v>
      </c>
      <c r="M62" s="379" t="s">
        <v>1363</v>
      </c>
      <c r="N62" s="379" t="s">
        <v>1351</v>
      </c>
      <c r="O62" s="379" t="s">
        <v>1352</v>
      </c>
      <c r="P62" s="380" t="s">
        <v>1353</v>
      </c>
      <c r="Q62" s="381" t="s">
        <v>1354</v>
      </c>
      <c r="R62" s="382" t="s">
        <v>1355</v>
      </c>
      <c r="S62" s="379" t="s">
        <v>1356</v>
      </c>
      <c r="X62" s="383"/>
    </row>
    <row r="63" spans="1:24" ht="15" customHeight="1">
      <c r="A63" s="310"/>
      <c r="B63" s="358" t="s">
        <v>1364</v>
      </c>
      <c r="C63" s="776"/>
      <c r="D63" s="375" t="s">
        <v>1360</v>
      </c>
      <c r="E63" s="705" t="s">
        <v>89</v>
      </c>
      <c r="F63" s="59"/>
      <c r="G63" s="60"/>
      <c r="H63" s="378" t="s">
        <v>1361</v>
      </c>
      <c r="I63" s="378" t="s">
        <v>1346</v>
      </c>
      <c r="J63" s="379" t="s">
        <v>1358</v>
      </c>
      <c r="K63" s="379" t="s">
        <v>1362</v>
      </c>
      <c r="L63" s="379" t="s">
        <v>1349</v>
      </c>
      <c r="M63" s="379" t="s">
        <v>1363</v>
      </c>
      <c r="N63" s="379" t="s">
        <v>1351</v>
      </c>
      <c r="O63" s="379" t="s">
        <v>1352</v>
      </c>
      <c r="P63" s="380" t="s">
        <v>1353</v>
      </c>
      <c r="Q63" s="381" t="s">
        <v>1354</v>
      </c>
      <c r="R63" s="382" t="s">
        <v>1355</v>
      </c>
      <c r="S63" s="379" t="s">
        <v>1356</v>
      </c>
      <c r="X63" s="383"/>
    </row>
    <row r="64" spans="1:24" ht="15" customHeight="1">
      <c r="A64" s="310"/>
      <c r="B64" s="358" t="s">
        <v>1365</v>
      </c>
      <c r="C64" s="776"/>
      <c r="D64" s="375" t="s">
        <v>1366</v>
      </c>
      <c r="E64" s="705" t="s">
        <v>89</v>
      </c>
      <c r="F64" s="59"/>
      <c r="G64" s="60"/>
      <c r="H64" s="378" t="s">
        <v>1367</v>
      </c>
      <c r="I64" s="378" t="s">
        <v>1346</v>
      </c>
      <c r="J64" s="379" t="s">
        <v>1358</v>
      </c>
      <c r="K64" s="379" t="s">
        <v>1368</v>
      </c>
      <c r="L64" s="379" t="s">
        <v>1349</v>
      </c>
      <c r="M64" s="379" t="s">
        <v>1369</v>
      </c>
      <c r="N64" s="379" t="s">
        <v>1351</v>
      </c>
      <c r="O64" s="379" t="s">
        <v>1352</v>
      </c>
      <c r="P64" s="380" t="s">
        <v>1353</v>
      </c>
      <c r="Q64" s="381" t="s">
        <v>1354</v>
      </c>
      <c r="R64" s="382" t="s">
        <v>1355</v>
      </c>
      <c r="S64" s="379" t="s">
        <v>1356</v>
      </c>
      <c r="X64" s="383"/>
    </row>
    <row r="65" spans="1:24" ht="15" customHeight="1">
      <c r="A65" s="310"/>
      <c r="B65" s="358" t="s">
        <v>1370</v>
      </c>
      <c r="C65" s="776"/>
      <c r="D65" s="375" t="s">
        <v>1366</v>
      </c>
      <c r="E65" s="705" t="s">
        <v>89</v>
      </c>
      <c r="F65" s="59"/>
      <c r="G65" s="60"/>
      <c r="H65" s="378" t="s">
        <v>1367</v>
      </c>
      <c r="I65" s="378" t="s">
        <v>1346</v>
      </c>
      <c r="J65" s="379" t="s">
        <v>1358</v>
      </c>
      <c r="K65" s="379" t="s">
        <v>1368</v>
      </c>
      <c r="L65" s="379" t="s">
        <v>1349</v>
      </c>
      <c r="M65" s="379" t="s">
        <v>1369</v>
      </c>
      <c r="N65" s="379" t="s">
        <v>1351</v>
      </c>
      <c r="O65" s="379" t="s">
        <v>1352</v>
      </c>
      <c r="P65" s="380" t="s">
        <v>1353</v>
      </c>
      <c r="Q65" s="381" t="s">
        <v>1354</v>
      </c>
      <c r="R65" s="382" t="s">
        <v>1355</v>
      </c>
      <c r="S65" s="379" t="s">
        <v>1356</v>
      </c>
      <c r="X65" s="383"/>
    </row>
    <row r="66" spans="1:24" ht="15" customHeight="1">
      <c r="A66" s="310"/>
      <c r="B66" s="358" t="s">
        <v>1371</v>
      </c>
      <c r="C66" s="776"/>
      <c r="D66" s="375" t="s">
        <v>1372</v>
      </c>
      <c r="E66" s="705" t="s">
        <v>89</v>
      </c>
      <c r="F66" s="59"/>
      <c r="G66" s="60"/>
      <c r="H66" s="378" t="s">
        <v>1373</v>
      </c>
      <c r="I66" s="378" t="s">
        <v>1346</v>
      </c>
      <c r="J66" s="379" t="s">
        <v>1347</v>
      </c>
      <c r="K66" s="379" t="s">
        <v>1374</v>
      </c>
      <c r="L66" s="379" t="s">
        <v>1349</v>
      </c>
      <c r="M66" s="379" t="s">
        <v>1375</v>
      </c>
      <c r="N66" s="379" t="s">
        <v>1351</v>
      </c>
      <c r="O66" s="379" t="s">
        <v>1352</v>
      </c>
      <c r="P66" s="380" t="s">
        <v>1353</v>
      </c>
      <c r="Q66" s="381" t="s">
        <v>1354</v>
      </c>
      <c r="R66" s="382" t="s">
        <v>1355</v>
      </c>
      <c r="S66" s="379" t="s">
        <v>1356</v>
      </c>
      <c r="X66" s="383"/>
    </row>
    <row r="67" spans="1:24" ht="15" customHeight="1">
      <c r="A67" s="310"/>
      <c r="B67" s="358" t="s">
        <v>1376</v>
      </c>
      <c r="C67" s="776"/>
      <c r="D67" s="375" t="s">
        <v>1372</v>
      </c>
      <c r="E67" s="705" t="s">
        <v>89</v>
      </c>
      <c r="F67" s="59"/>
      <c r="G67" s="60"/>
      <c r="H67" s="378" t="s">
        <v>1373</v>
      </c>
      <c r="I67" s="378" t="s">
        <v>1346</v>
      </c>
      <c r="J67" s="379" t="s">
        <v>1358</v>
      </c>
      <c r="K67" s="379" t="s">
        <v>1374</v>
      </c>
      <c r="L67" s="379" t="s">
        <v>1349</v>
      </c>
      <c r="M67" s="379" t="s">
        <v>1375</v>
      </c>
      <c r="N67" s="379" t="s">
        <v>1351</v>
      </c>
      <c r="O67" s="379" t="s">
        <v>1352</v>
      </c>
      <c r="P67" s="380" t="s">
        <v>1353</v>
      </c>
      <c r="Q67" s="381" t="s">
        <v>1354</v>
      </c>
      <c r="R67" s="382" t="s">
        <v>1355</v>
      </c>
      <c r="S67" s="379" t="s">
        <v>1356</v>
      </c>
      <c r="X67" s="383"/>
    </row>
    <row r="68" spans="1:24" ht="15" customHeight="1">
      <c r="A68" s="310"/>
      <c r="B68" s="358" t="s">
        <v>1377</v>
      </c>
      <c r="C68" s="776"/>
      <c r="D68" s="375" t="s">
        <v>1378</v>
      </c>
      <c r="E68" s="705" t="s">
        <v>89</v>
      </c>
      <c r="F68" s="59"/>
      <c r="G68" s="60"/>
      <c r="H68" s="378" t="s">
        <v>1379</v>
      </c>
      <c r="I68" s="378" t="s">
        <v>1346</v>
      </c>
      <c r="J68" s="379" t="s">
        <v>1380</v>
      </c>
      <c r="K68" s="379" t="s">
        <v>1381</v>
      </c>
      <c r="L68" s="379" t="s">
        <v>1349</v>
      </c>
      <c r="M68" s="379" t="s">
        <v>1382</v>
      </c>
      <c r="N68" s="379" t="s">
        <v>1351</v>
      </c>
      <c r="O68" s="379" t="s">
        <v>1352</v>
      </c>
      <c r="P68" s="380" t="s">
        <v>1353</v>
      </c>
      <c r="Q68" s="381" t="s">
        <v>1354</v>
      </c>
      <c r="R68" s="382" t="s">
        <v>1355</v>
      </c>
      <c r="S68" s="379" t="s">
        <v>1356</v>
      </c>
      <c r="X68" s="383"/>
    </row>
    <row r="69" spans="1:24" ht="15" customHeight="1">
      <c r="A69" s="310"/>
      <c r="B69" s="358" t="s">
        <v>1383</v>
      </c>
      <c r="C69" s="777"/>
      <c r="D69" s="375" t="s">
        <v>1384</v>
      </c>
      <c r="E69" s="705" t="s">
        <v>89</v>
      </c>
      <c r="F69" s="59"/>
      <c r="G69" s="60"/>
      <c r="H69" s="378" t="s">
        <v>1385</v>
      </c>
      <c r="I69" s="378" t="s">
        <v>1346</v>
      </c>
      <c r="J69" s="379" t="s">
        <v>1386</v>
      </c>
      <c r="K69" s="379" t="s">
        <v>1387</v>
      </c>
      <c r="L69" s="379" t="s">
        <v>1388</v>
      </c>
      <c r="M69" s="379" t="s">
        <v>1389</v>
      </c>
      <c r="N69" s="379" t="s">
        <v>1390</v>
      </c>
      <c r="O69" s="379" t="s">
        <v>1391</v>
      </c>
      <c r="P69" s="380" t="s">
        <v>1392</v>
      </c>
      <c r="Q69" s="379" t="s">
        <v>1393</v>
      </c>
      <c r="R69" s="382" t="s">
        <v>1355</v>
      </c>
      <c r="S69" s="379" t="s">
        <v>1356</v>
      </c>
      <c r="X69" s="383"/>
    </row>
    <row r="70" spans="1:24" ht="27.95" customHeight="1">
      <c r="A70" s="310"/>
      <c r="B70" s="358" t="s">
        <v>1394</v>
      </c>
      <c r="C70" s="775"/>
      <c r="D70" s="384" t="s">
        <v>1395</v>
      </c>
      <c r="E70" s="705" t="s">
        <v>89</v>
      </c>
      <c r="F70" s="59"/>
      <c r="G70" s="60"/>
      <c r="H70" s="369"/>
      <c r="I70" s="369"/>
      <c r="J70" s="369"/>
      <c r="K70" s="369"/>
      <c r="L70" s="369"/>
      <c r="M70" s="369"/>
      <c r="N70" s="369"/>
      <c r="O70" s="369"/>
      <c r="P70" s="369"/>
      <c r="Q70" s="369"/>
      <c r="R70" s="369"/>
      <c r="S70" s="369"/>
      <c r="X70" s="383"/>
    </row>
    <row r="71" spans="1:24" ht="32.1" customHeight="1">
      <c r="A71" s="310"/>
      <c r="B71" s="358" t="s">
        <v>1396</v>
      </c>
      <c r="C71" s="777"/>
      <c r="D71" s="385" t="s">
        <v>1397</v>
      </c>
      <c r="E71" s="705" t="s">
        <v>89</v>
      </c>
      <c r="F71" s="59"/>
      <c r="G71" s="60"/>
      <c r="H71" s="369"/>
      <c r="I71" s="369"/>
      <c r="J71" s="369"/>
      <c r="K71" s="369"/>
      <c r="L71" s="369"/>
      <c r="M71" s="369"/>
      <c r="N71" s="369"/>
      <c r="O71" s="369"/>
      <c r="P71" s="369"/>
      <c r="Q71" s="369"/>
      <c r="R71" s="369"/>
      <c r="S71" s="369"/>
      <c r="X71" s="383"/>
    </row>
    <row r="72" spans="1:24" ht="45.6" customHeight="1">
      <c r="A72" s="310"/>
      <c r="B72" s="358" t="s">
        <v>1398</v>
      </c>
      <c r="C72" s="386"/>
      <c r="D72" s="384" t="s">
        <v>1399</v>
      </c>
      <c r="E72" s="705" t="s">
        <v>89</v>
      </c>
      <c r="F72" s="59"/>
      <c r="G72" s="60"/>
      <c r="H72" s="387" t="s">
        <v>1400</v>
      </c>
      <c r="I72" s="369"/>
      <c r="J72" s="369"/>
      <c r="K72" s="369"/>
      <c r="L72" s="369"/>
      <c r="M72" s="369"/>
      <c r="N72" s="369"/>
      <c r="O72" s="369"/>
      <c r="P72" s="369"/>
      <c r="Q72" s="369"/>
      <c r="R72" s="369"/>
      <c r="S72" s="369"/>
      <c r="X72" s="383"/>
    </row>
    <row r="73" spans="1:24" ht="26.1" customHeight="1">
      <c r="A73" s="310"/>
      <c r="B73" s="358" t="s">
        <v>1401</v>
      </c>
      <c r="C73" s="775"/>
      <c r="D73" s="384" t="s">
        <v>1402</v>
      </c>
      <c r="E73" s="705" t="s">
        <v>89</v>
      </c>
      <c r="F73" s="59"/>
      <c r="G73" s="60"/>
      <c r="H73" s="369"/>
      <c r="I73" s="369"/>
      <c r="J73" s="369"/>
      <c r="K73" s="369"/>
      <c r="L73" s="369"/>
      <c r="M73" s="369"/>
      <c r="N73" s="369"/>
      <c r="O73" s="369"/>
      <c r="P73" s="369"/>
      <c r="Q73" s="369"/>
      <c r="R73" s="369"/>
      <c r="S73" s="369"/>
      <c r="X73" s="383"/>
    </row>
    <row r="74" spans="1:24" ht="25.5" customHeight="1">
      <c r="A74" s="310"/>
      <c r="B74" s="358" t="s">
        <v>1403</v>
      </c>
      <c r="C74" s="776"/>
      <c r="D74" s="375" t="s">
        <v>1404</v>
      </c>
      <c r="E74" s="705" t="s">
        <v>89</v>
      </c>
      <c r="F74" s="59"/>
      <c r="G74" s="60"/>
      <c r="H74" s="369"/>
      <c r="I74" s="369"/>
      <c r="J74" s="369"/>
      <c r="K74" s="369"/>
      <c r="L74" s="369"/>
      <c r="M74" s="369"/>
      <c r="N74" s="369"/>
      <c r="O74" s="369"/>
      <c r="P74" s="369"/>
      <c r="Q74" s="369"/>
      <c r="R74" s="369"/>
      <c r="S74" s="369"/>
      <c r="V74" s="383"/>
      <c r="W74" s="383"/>
      <c r="X74" s="383"/>
    </row>
    <row r="75" spans="1:24" ht="24" customHeight="1">
      <c r="A75" s="310"/>
      <c r="B75" s="358" t="s">
        <v>1405</v>
      </c>
      <c r="C75" s="776"/>
      <c r="D75" s="375" t="s">
        <v>1406</v>
      </c>
      <c r="E75" s="705" t="s">
        <v>89</v>
      </c>
      <c r="F75" s="59"/>
      <c r="G75" s="60"/>
      <c r="H75" s="369"/>
      <c r="I75" s="369"/>
      <c r="J75" s="369"/>
      <c r="K75" s="369"/>
      <c r="L75" s="369"/>
      <c r="M75" s="369"/>
      <c r="N75" s="369"/>
      <c r="O75" s="369"/>
      <c r="P75" s="369"/>
      <c r="Q75" s="369"/>
      <c r="R75" s="369"/>
      <c r="S75" s="369"/>
    </row>
    <row r="76" spans="1:24" ht="26.1" customHeight="1">
      <c r="A76" s="310"/>
      <c r="B76" s="358" t="s">
        <v>1407</v>
      </c>
      <c r="C76" s="777"/>
      <c r="D76" s="384" t="s">
        <v>1408</v>
      </c>
      <c r="E76" s="705" t="s">
        <v>89</v>
      </c>
      <c r="F76" s="59"/>
      <c r="G76" s="60"/>
      <c r="H76" s="369"/>
      <c r="I76" s="369"/>
      <c r="J76" s="369"/>
      <c r="K76" s="369"/>
      <c r="L76" s="369"/>
      <c r="M76" s="369"/>
      <c r="N76" s="369"/>
      <c r="O76" s="369"/>
      <c r="P76" s="369"/>
      <c r="Q76" s="369"/>
      <c r="R76" s="369"/>
      <c r="S76" s="369"/>
    </row>
    <row r="77" spans="1:24">
      <c r="A77" s="310"/>
      <c r="B77" s="358" t="s">
        <v>1409</v>
      </c>
      <c r="C77" s="386"/>
      <c r="D77" s="375"/>
      <c r="E77" s="705" t="s">
        <v>89</v>
      </c>
      <c r="F77" s="59"/>
      <c r="G77" s="60"/>
      <c r="H77" s="369"/>
      <c r="I77" s="369"/>
      <c r="J77" s="369"/>
      <c r="K77" s="369"/>
      <c r="L77" s="369"/>
      <c r="M77" s="369"/>
      <c r="N77" s="369"/>
      <c r="O77" s="369"/>
      <c r="P77" s="369"/>
      <c r="Q77" s="369"/>
      <c r="R77" s="369"/>
      <c r="S77" s="369"/>
    </row>
    <row r="78" spans="1:24" ht="28.5" customHeight="1">
      <c r="A78" s="310"/>
      <c r="B78" s="358" t="s">
        <v>1410</v>
      </c>
      <c r="C78" s="775"/>
      <c r="D78" s="384" t="s">
        <v>1411</v>
      </c>
      <c r="E78" s="705" t="s">
        <v>89</v>
      </c>
      <c r="F78" s="59"/>
      <c r="G78" s="60"/>
      <c r="H78" s="378" t="s">
        <v>1412</v>
      </c>
      <c r="I78" s="378" t="s">
        <v>1346</v>
      </c>
      <c r="J78" s="379" t="s">
        <v>1347</v>
      </c>
      <c r="K78" s="379" t="s">
        <v>1413</v>
      </c>
      <c r="L78" s="379" t="s">
        <v>1388</v>
      </c>
      <c r="M78" s="379" t="s">
        <v>1414</v>
      </c>
      <c r="N78" s="379" t="s">
        <v>1415</v>
      </c>
      <c r="O78" s="379" t="s">
        <v>1416</v>
      </c>
      <c r="P78" s="380" t="s">
        <v>1353</v>
      </c>
      <c r="Q78" s="381" t="s">
        <v>1417</v>
      </c>
      <c r="R78" s="382" t="s">
        <v>1355</v>
      </c>
      <c r="S78" s="379" t="s">
        <v>1418</v>
      </c>
    </row>
    <row r="79" spans="1:24" ht="28.5" customHeight="1">
      <c r="A79" s="310"/>
      <c r="B79" s="358" t="s">
        <v>1419</v>
      </c>
      <c r="C79" s="776"/>
      <c r="D79" s="384" t="s">
        <v>1420</v>
      </c>
      <c r="E79" s="705" t="s">
        <v>89</v>
      </c>
      <c r="F79" s="59"/>
      <c r="G79" s="60"/>
      <c r="H79" s="378" t="s">
        <v>1421</v>
      </c>
      <c r="I79" s="378" t="s">
        <v>1346</v>
      </c>
      <c r="J79" s="379" t="s">
        <v>1347</v>
      </c>
      <c r="K79" s="379" t="s">
        <v>1422</v>
      </c>
      <c r="L79" s="379" t="s">
        <v>1388</v>
      </c>
      <c r="M79" s="379" t="s">
        <v>1423</v>
      </c>
      <c r="N79" s="379" t="s">
        <v>1415</v>
      </c>
      <c r="O79" s="379" t="s">
        <v>1416</v>
      </c>
      <c r="P79" s="380" t="s">
        <v>1353</v>
      </c>
      <c r="Q79" s="381" t="s">
        <v>1417</v>
      </c>
      <c r="R79" s="382" t="s">
        <v>1355</v>
      </c>
      <c r="S79" s="379" t="s">
        <v>1418</v>
      </c>
    </row>
    <row r="80" spans="1:24" s="374" customFormat="1" ht="28.5" customHeight="1">
      <c r="A80" s="310"/>
      <c r="B80" s="358" t="s">
        <v>1424</v>
      </c>
      <c r="C80" s="776"/>
      <c r="D80" s="384" t="s">
        <v>1425</v>
      </c>
      <c r="E80" s="705" t="s">
        <v>89</v>
      </c>
      <c r="F80" s="59"/>
      <c r="G80" s="60"/>
      <c r="H80" s="378" t="s">
        <v>1426</v>
      </c>
      <c r="I80" s="378" t="s">
        <v>1346</v>
      </c>
      <c r="J80" s="379" t="s">
        <v>1347</v>
      </c>
      <c r="K80" s="379" t="s">
        <v>1427</v>
      </c>
      <c r="L80" s="379" t="s">
        <v>1388</v>
      </c>
      <c r="M80" s="379" t="s">
        <v>1428</v>
      </c>
      <c r="N80" s="379" t="s">
        <v>1415</v>
      </c>
      <c r="O80" s="379" t="s">
        <v>1416</v>
      </c>
      <c r="P80" s="380" t="s">
        <v>1353</v>
      </c>
      <c r="Q80" s="381" t="s">
        <v>1417</v>
      </c>
      <c r="R80" s="382" t="s">
        <v>1355</v>
      </c>
      <c r="S80" s="379" t="s">
        <v>1418</v>
      </c>
      <c r="V80" s="53"/>
      <c r="W80" s="53"/>
      <c r="X80" s="53"/>
    </row>
    <row r="81" spans="1:24" s="374" customFormat="1" ht="28.5" customHeight="1">
      <c r="A81" s="310"/>
      <c r="B81" s="358" t="s">
        <v>1429</v>
      </c>
      <c r="C81" s="777"/>
      <c r="D81" s="384" t="s">
        <v>1430</v>
      </c>
      <c r="E81" s="705" t="s">
        <v>89</v>
      </c>
      <c r="F81" s="59"/>
      <c r="G81" s="60"/>
      <c r="H81" s="378" t="s">
        <v>1385</v>
      </c>
      <c r="I81" s="378" t="s">
        <v>1346</v>
      </c>
      <c r="J81" s="379" t="s">
        <v>1347</v>
      </c>
      <c r="K81" s="379" t="s">
        <v>1387</v>
      </c>
      <c r="L81" s="379" t="s">
        <v>1388</v>
      </c>
      <c r="M81" s="379" t="s">
        <v>1389</v>
      </c>
      <c r="N81" s="379" t="s">
        <v>1415</v>
      </c>
      <c r="O81" s="379" t="s">
        <v>1416</v>
      </c>
      <c r="P81" s="380" t="s">
        <v>1353</v>
      </c>
      <c r="Q81" s="381" t="s">
        <v>1417</v>
      </c>
      <c r="R81" s="382" t="s">
        <v>1355</v>
      </c>
      <c r="S81" s="379" t="s">
        <v>1418</v>
      </c>
      <c r="V81" s="53"/>
      <c r="W81" s="53"/>
      <c r="X81" s="53"/>
    </row>
    <row r="82" spans="1:24" s="374" customFormat="1" ht="15" customHeight="1">
      <c r="A82" s="310"/>
      <c r="B82" s="358" t="s">
        <v>1431</v>
      </c>
      <c r="C82" s="386"/>
      <c r="D82" s="375"/>
      <c r="E82" s="705" t="s">
        <v>89</v>
      </c>
      <c r="F82" s="59"/>
      <c r="G82" s="60"/>
      <c r="H82" s="369"/>
      <c r="I82" s="369"/>
      <c r="J82" s="369"/>
      <c r="K82" s="369"/>
      <c r="L82" s="369"/>
      <c r="M82" s="369"/>
      <c r="N82" s="369"/>
      <c r="O82" s="369"/>
      <c r="P82" s="369"/>
      <c r="Q82" s="369"/>
      <c r="R82" s="369"/>
      <c r="S82" s="369"/>
      <c r="V82" s="53"/>
      <c r="W82" s="53"/>
      <c r="X82" s="53"/>
    </row>
  </sheetData>
  <mergeCells count="22">
    <mergeCell ref="H35:Q35"/>
    <mergeCell ref="H24:Q24"/>
    <mergeCell ref="H25:Q25"/>
    <mergeCell ref="H26:Q26"/>
    <mergeCell ref="H27:Q27"/>
    <mergeCell ref="H28:Q28"/>
    <mergeCell ref="H29:Q29"/>
    <mergeCell ref="H30:Q30"/>
    <mergeCell ref="H31:Q31"/>
    <mergeCell ref="H32:Q32"/>
    <mergeCell ref="H33:Q33"/>
    <mergeCell ref="H34:Q34"/>
    <mergeCell ref="C60:C69"/>
    <mergeCell ref="C70:C71"/>
    <mergeCell ref="C73:C76"/>
    <mergeCell ref="C78:C81"/>
    <mergeCell ref="H36:Q36"/>
    <mergeCell ref="H37:Q37"/>
    <mergeCell ref="H38:Q38"/>
    <mergeCell ref="H39:Q39"/>
    <mergeCell ref="H40:Q40"/>
    <mergeCell ref="H41:Q41"/>
  </mergeCells>
  <pageMargins left="0.69930555555555596" right="0.69930555555555596" top="0.75" bottom="0.75" header="0.3" footer="0.3"/>
  <pageSetup paperSize="9"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9"/>
  <sheetViews>
    <sheetView zoomScale="80" zoomScaleNormal="80" workbookViewId="0">
      <pane ySplit="1" topLeftCell="A2" activePane="bottomLeft" state="frozen"/>
      <selection pane="bottomLeft" activeCell="E6" sqref="E6"/>
    </sheetView>
  </sheetViews>
  <sheetFormatPr defaultColWidth="9" defaultRowHeight="15"/>
  <cols>
    <col min="1" max="1" width="1.5703125" customWidth="1"/>
    <col min="2" max="2" width="24.42578125" customWidth="1"/>
    <col min="3" max="3" width="21.42578125" customWidth="1"/>
    <col min="4" max="4" width="32" style="45" customWidth="1"/>
    <col min="5" max="5" width="9.42578125" style="726" bestFit="1" customWidth="1"/>
    <col min="7" max="7" width="13.42578125" bestFit="1" customWidth="1"/>
    <col min="9" max="9" width="11.5703125" customWidth="1"/>
  </cols>
  <sheetData>
    <row r="1" spans="1:7" s="40" customFormat="1">
      <c r="A1"/>
      <c r="B1" s="563" t="s">
        <v>835</v>
      </c>
      <c r="C1" s="564" t="s">
        <v>115</v>
      </c>
      <c r="D1" s="564" t="s">
        <v>828</v>
      </c>
      <c r="E1" s="725" t="s">
        <v>907</v>
      </c>
      <c r="F1" s="54" t="s">
        <v>86</v>
      </c>
      <c r="G1" s="54" t="s">
        <v>88</v>
      </c>
    </row>
    <row r="2" spans="1:7" s="41" customFormat="1" ht="14.1" customHeight="1">
      <c r="A2" s="47"/>
      <c r="B2" s="573" t="s">
        <v>1859</v>
      </c>
      <c r="C2" s="573"/>
      <c r="D2" s="569"/>
      <c r="E2" s="723"/>
      <c r="F2" s="59"/>
      <c r="G2" s="60"/>
    </row>
    <row r="3" spans="1:7" s="41" customFormat="1" ht="24">
      <c r="A3" s="310"/>
      <c r="B3" s="574" t="s">
        <v>2185</v>
      </c>
      <c r="C3" s="507"/>
      <c r="D3" s="575" t="s">
        <v>2598</v>
      </c>
      <c r="E3" s="705" t="s">
        <v>89</v>
      </c>
      <c r="F3" s="59"/>
      <c r="G3" s="60"/>
    </row>
    <row r="4" spans="1:7" s="41" customFormat="1" ht="24">
      <c r="A4" s="310"/>
      <c r="B4" s="574" t="s">
        <v>2210</v>
      </c>
      <c r="C4" s="507"/>
      <c r="D4" s="575" t="s">
        <v>2599</v>
      </c>
      <c r="E4" s="705" t="s">
        <v>89</v>
      </c>
      <c r="F4" s="59"/>
      <c r="G4" s="60"/>
    </row>
    <row r="5" spans="1:7" s="42" customFormat="1" ht="24">
      <c r="A5" s="310"/>
      <c r="B5" s="574" t="s">
        <v>2211</v>
      </c>
      <c r="C5" s="507"/>
      <c r="D5" s="575" t="s">
        <v>2600</v>
      </c>
      <c r="E5" s="705" t="s">
        <v>89</v>
      </c>
      <c r="F5" s="59"/>
      <c r="G5" s="60"/>
    </row>
    <row r="6" spans="1:7" s="42" customFormat="1" ht="24">
      <c r="A6" s="310"/>
      <c r="B6" s="574" t="s">
        <v>2209</v>
      </c>
      <c r="C6" s="507"/>
      <c r="D6" s="575" t="s">
        <v>2601</v>
      </c>
      <c r="E6" s="705" t="s">
        <v>89</v>
      </c>
      <c r="F6" s="59"/>
      <c r="G6" s="60"/>
    </row>
    <row r="7" spans="1:7" s="577" customFormat="1" ht="24">
      <c r="A7" s="576"/>
      <c r="B7" s="574" t="s">
        <v>2212</v>
      </c>
      <c r="C7" s="507"/>
      <c r="D7" s="575" t="s">
        <v>2602</v>
      </c>
      <c r="E7" s="705" t="s">
        <v>89</v>
      </c>
      <c r="F7" s="59"/>
      <c r="G7" s="60"/>
    </row>
    <row r="8" spans="1:7" s="42" customFormat="1" ht="12.75">
      <c r="A8" s="310"/>
      <c r="B8" s="574" t="s">
        <v>2186</v>
      </c>
      <c r="C8" s="507"/>
      <c r="D8" s="575" t="s">
        <v>2603</v>
      </c>
      <c r="E8" s="705" t="s">
        <v>89</v>
      </c>
      <c r="F8" s="59"/>
      <c r="G8" s="60"/>
    </row>
    <row r="9" spans="1:7" s="42" customFormat="1" ht="37.5" customHeight="1">
      <c r="A9" s="310"/>
      <c r="B9" s="574"/>
      <c r="C9" s="507"/>
      <c r="D9" s="575"/>
      <c r="E9" s="723"/>
      <c r="F9" s="59"/>
      <c r="G9" s="60"/>
    </row>
  </sheetData>
  <pageMargins left="0.69930555555555596" right="0.69930555555555596" top="0.75" bottom="0.75" header="0.3" footer="0.3"/>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H41"/>
  <sheetViews>
    <sheetView zoomScale="70" zoomScaleNormal="70" workbookViewId="0">
      <selection activeCell="G13" sqref="G13"/>
    </sheetView>
  </sheetViews>
  <sheetFormatPr defaultColWidth="9" defaultRowHeight="16.5"/>
  <cols>
    <col min="1" max="1" width="13.85546875" style="531" customWidth="1"/>
    <col min="2" max="2" width="28.7109375" style="531" customWidth="1"/>
    <col min="3" max="3" width="27.5703125" style="531" customWidth="1"/>
    <col min="4" max="4" width="24.42578125" style="531" customWidth="1"/>
    <col min="5" max="5" width="21.85546875" style="531" customWidth="1"/>
    <col min="6" max="6" width="22.42578125" style="531" customWidth="1"/>
    <col min="7" max="7" width="18.5703125" style="531" customWidth="1"/>
    <col min="8" max="8" width="20.42578125" style="531" bestFit="1" customWidth="1"/>
    <col min="9" max="16384" width="9" style="531"/>
  </cols>
  <sheetData>
    <row r="1" spans="1:8" ht="17.25" thickBot="1">
      <c r="A1" s="529" t="s">
        <v>2183</v>
      </c>
      <c r="B1" s="530"/>
      <c r="C1" s="530"/>
      <c r="D1" s="530"/>
      <c r="F1" s="530"/>
      <c r="G1" s="530"/>
    </row>
    <row r="2" spans="1:8" ht="80.099999999999994" customHeight="1" thickBot="1">
      <c r="A2" s="532" t="s">
        <v>2184</v>
      </c>
      <c r="B2" s="533"/>
      <c r="C2" s="534"/>
      <c r="F2" s="535"/>
    </row>
    <row r="3" spans="1:8">
      <c r="A3" s="536" t="s">
        <v>160</v>
      </c>
      <c r="B3" s="537" t="s">
        <v>2185</v>
      </c>
      <c r="C3" s="538" t="s">
        <v>2186</v>
      </c>
      <c r="F3" s="539"/>
    </row>
    <row r="4" spans="1:8">
      <c r="A4" s="540" t="s">
        <v>2187</v>
      </c>
      <c r="B4" s="541" t="s">
        <v>2188</v>
      </c>
      <c r="C4" s="542" t="s">
        <v>2189</v>
      </c>
      <c r="F4" s="543"/>
    </row>
    <row r="5" spans="1:8">
      <c r="A5" s="540" t="s">
        <v>2190</v>
      </c>
      <c r="B5" s="541" t="s">
        <v>2191</v>
      </c>
      <c r="C5" s="544" t="s">
        <v>2192</v>
      </c>
      <c r="F5" s="543"/>
    </row>
    <row r="6" spans="1:8">
      <c r="A6" s="540" t="s">
        <v>2193</v>
      </c>
      <c r="B6" s="545" t="s">
        <v>2194</v>
      </c>
      <c r="C6" s="544" t="s">
        <v>689</v>
      </c>
      <c r="F6" s="543"/>
    </row>
    <row r="7" spans="1:8">
      <c r="A7" s="540" t="s">
        <v>2195</v>
      </c>
      <c r="B7" s="545" t="s">
        <v>2196</v>
      </c>
      <c r="C7" s="544" t="s">
        <v>2197</v>
      </c>
      <c r="F7" s="543"/>
    </row>
    <row r="8" spans="1:8">
      <c r="A8" s="540" t="s">
        <v>2198</v>
      </c>
      <c r="B8" s="545" t="s">
        <v>1925</v>
      </c>
      <c r="C8" s="544" t="s">
        <v>1925</v>
      </c>
      <c r="F8" s="543"/>
    </row>
    <row r="9" spans="1:8">
      <c r="A9" s="540" t="s">
        <v>2199</v>
      </c>
      <c r="B9" s="545" t="s">
        <v>2200</v>
      </c>
      <c r="C9" s="544" t="s">
        <v>2201</v>
      </c>
      <c r="F9" s="543"/>
    </row>
    <row r="10" spans="1:8">
      <c r="A10" s="540" t="s">
        <v>2202</v>
      </c>
      <c r="B10" s="546" t="s">
        <v>2203</v>
      </c>
      <c r="C10" s="544" t="s">
        <v>2204</v>
      </c>
      <c r="F10" s="547"/>
    </row>
    <row r="11" spans="1:8">
      <c r="A11" s="540" t="s">
        <v>2205</v>
      </c>
      <c r="B11" s="545" t="s">
        <v>2206</v>
      </c>
      <c r="C11" s="544" t="s">
        <v>2207</v>
      </c>
      <c r="F11" s="543"/>
    </row>
    <row r="12" spans="1:8" ht="17.25" thickBot="1">
      <c r="A12" s="548"/>
      <c r="B12" s="549"/>
      <c r="C12" s="550"/>
      <c r="F12" s="551"/>
    </row>
    <row r="13" spans="1:8" ht="96" customHeight="1" thickBot="1">
      <c r="A13" s="552" t="s">
        <v>2184</v>
      </c>
      <c r="B13" s="553"/>
      <c r="C13" s="554"/>
      <c r="D13" s="554"/>
      <c r="E13" s="534"/>
      <c r="G13" s="555"/>
      <c r="H13" s="531" t="s">
        <v>2208</v>
      </c>
    </row>
    <row r="14" spans="1:8">
      <c r="A14" s="556" t="s">
        <v>160</v>
      </c>
      <c r="B14" s="536" t="s">
        <v>2209</v>
      </c>
      <c r="C14" s="536" t="s">
        <v>2210</v>
      </c>
      <c r="D14" s="536" t="s">
        <v>2211</v>
      </c>
      <c r="E14" s="538" t="s">
        <v>2212</v>
      </c>
      <c r="G14" s="555"/>
    </row>
    <row r="15" spans="1:8">
      <c r="A15" s="557" t="s">
        <v>2187</v>
      </c>
      <c r="B15" s="543" t="s">
        <v>2213</v>
      </c>
      <c r="C15" s="543" t="s">
        <v>2214</v>
      </c>
      <c r="D15" s="543" t="s">
        <v>2215</v>
      </c>
      <c r="E15" s="542" t="s">
        <v>2216</v>
      </c>
      <c r="G15" s="555"/>
    </row>
    <row r="16" spans="1:8">
      <c r="A16" s="557" t="s">
        <v>2190</v>
      </c>
      <c r="B16" s="531" t="s">
        <v>2217</v>
      </c>
      <c r="C16" s="531" t="s">
        <v>2192</v>
      </c>
      <c r="D16" s="555" t="s">
        <v>2218</v>
      </c>
      <c r="E16" s="544" t="s">
        <v>2217</v>
      </c>
      <c r="G16" s="555"/>
    </row>
    <row r="17" spans="1:7">
      <c r="A17" s="557" t="s">
        <v>2193</v>
      </c>
      <c r="B17" s="531" t="s">
        <v>2194</v>
      </c>
      <c r="C17" s="531" t="s">
        <v>2194</v>
      </c>
      <c r="D17" s="555" t="s">
        <v>689</v>
      </c>
      <c r="E17" s="544" t="s">
        <v>2194</v>
      </c>
      <c r="G17" s="555"/>
    </row>
    <row r="18" spans="1:7">
      <c r="A18" s="557" t="s">
        <v>2195</v>
      </c>
      <c r="B18" s="543" t="s">
        <v>2197</v>
      </c>
      <c r="C18" s="543" t="s">
        <v>2197</v>
      </c>
      <c r="D18" s="543" t="s">
        <v>2219</v>
      </c>
      <c r="E18" s="544" t="s">
        <v>2219</v>
      </c>
      <c r="G18" s="555"/>
    </row>
    <row r="19" spans="1:7">
      <c r="A19" s="557" t="s">
        <v>2198</v>
      </c>
      <c r="B19" s="543" t="s">
        <v>1959</v>
      </c>
      <c r="C19" s="531" t="s">
        <v>125</v>
      </c>
      <c r="D19" s="531" t="s">
        <v>125</v>
      </c>
      <c r="E19" s="544" t="s">
        <v>125</v>
      </c>
      <c r="G19" s="555"/>
    </row>
    <row r="20" spans="1:7">
      <c r="A20" s="557" t="s">
        <v>2199</v>
      </c>
      <c r="B20" s="531" t="s">
        <v>2220</v>
      </c>
      <c r="C20" s="531" t="s">
        <v>2221</v>
      </c>
      <c r="D20" s="531" t="s">
        <v>2221</v>
      </c>
      <c r="E20" s="544" t="s">
        <v>2220</v>
      </c>
      <c r="G20" s="555"/>
    </row>
    <row r="21" spans="1:7">
      <c r="A21" s="557" t="s">
        <v>2202</v>
      </c>
      <c r="B21" s="531" t="s">
        <v>2220</v>
      </c>
      <c r="C21" s="547" t="s">
        <v>2222</v>
      </c>
      <c r="D21" s="547" t="s">
        <v>2223</v>
      </c>
      <c r="E21" s="544" t="s">
        <v>2224</v>
      </c>
      <c r="G21" s="555"/>
    </row>
    <row r="22" spans="1:7">
      <c r="A22" s="557" t="s">
        <v>2205</v>
      </c>
      <c r="B22" s="531" t="s">
        <v>2225</v>
      </c>
      <c r="C22" s="531" t="s">
        <v>2226</v>
      </c>
      <c r="D22" s="555" t="s">
        <v>2227</v>
      </c>
      <c r="E22" s="544" t="s">
        <v>2225</v>
      </c>
      <c r="G22" s="555"/>
    </row>
    <row r="23" spans="1:7" ht="17.25" thickBot="1">
      <c r="A23" s="558"/>
      <c r="B23" s="559"/>
      <c r="C23" s="560"/>
      <c r="D23" s="561"/>
      <c r="E23" s="550"/>
      <c r="G23" s="555"/>
    </row>
    <row r="24" spans="1:7" ht="17.25" thickBot="1">
      <c r="A24" s="548"/>
      <c r="B24" s="559"/>
      <c r="C24" s="559"/>
      <c r="D24" s="559"/>
      <c r="E24" s="562"/>
      <c r="G24" s="555"/>
    </row>
    <row r="25" spans="1:7" ht="14.65" customHeight="1"/>
    <row r="27" spans="1:7" ht="14.65" customHeight="1"/>
    <row r="33" ht="15" customHeight="1"/>
    <row r="35" ht="15" customHeight="1"/>
    <row r="37" ht="15" customHeight="1"/>
    <row r="39" ht="15" customHeight="1"/>
    <row r="41" ht="15" customHeight="1"/>
  </sheetData>
  <pageMargins left="0.69930555555555596" right="0.69930555555555596" top="0.75" bottom="0.75" header="0.3" footer="0.3"/>
  <pageSetup paperSize="9" orientation="portrait"/>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15</vt:i4>
      </vt:variant>
    </vt:vector>
  </HeadingPairs>
  <TitlesOfParts>
    <vt:vector size="15" baseType="lpstr">
      <vt:lpstr>Naming Rule 2021</vt:lpstr>
      <vt:lpstr>IPC Easy Prime Pro</vt:lpstr>
      <vt:lpstr>PTZ видеокамеры</vt:lpstr>
      <vt:lpstr>NVR Prime Pro</vt:lpstr>
      <vt:lpstr>Аксессуары</vt:lpstr>
      <vt:lpstr>Подбор аксессуаров</vt:lpstr>
      <vt:lpstr>Display&amp;Videowall</vt:lpstr>
      <vt:lpstr>Lens</vt:lpstr>
      <vt:lpstr>Подбор Lens</vt:lpstr>
      <vt:lpstr>IPC на подходе</vt:lpstr>
      <vt:lpstr>EOL  products</vt:lpstr>
      <vt:lpstr>FR Terminal</vt:lpstr>
      <vt:lpstr>Network Storage</vt:lpstr>
      <vt:lpstr>Accessory</vt:lpstr>
      <vt:lpstr>!PTZ Dome</vt:lpstr>
    </vt:vector>
  </TitlesOfParts>
  <Company>UNIVIEW</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niview</dc:creator>
  <cp:lastModifiedBy>Станислав Карабанов</cp:lastModifiedBy>
  <dcterms:created xsi:type="dcterms:W3CDTF">2014-01-09T03:17:00Z</dcterms:created>
  <dcterms:modified xsi:type="dcterms:W3CDTF">2022-04-26T13:05:5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6689</vt:lpwstr>
  </property>
</Properties>
</file>